
<file path=[Content_Types].xml><?xml version="1.0" encoding="utf-8"?>
<Types xmlns="http://schemas.openxmlformats.org/package/2006/content-types">
  <Default Extension="bin" ContentType="application/vnd.openxmlformats-officedocument.spreadsheetml.printerSettings"/>
  <Default Extension="png" ContentType="image/png"/>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theme/theme1.xml" ContentType="application/vnd.openxmlformats-officedocument.theme+xml"/>
  <Override PartName="/xl/connections.xml" ContentType="application/vnd.openxmlformats-officedocument.spreadsheetml.connections+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queryTables/queryTable1.xml" ContentType="application/vnd.openxmlformats-officedocument.spreadsheetml.queryTable+xml"/>
  <Override PartName="/xl/drawings/drawing3.xml" ContentType="application/vnd.openxmlformats-officedocument.drawing+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5" rupBuild="14420"/>
  <workbookPr defaultThemeVersion="124226"/>
  <mc:AlternateContent xmlns:mc="http://schemas.openxmlformats.org/markup-compatibility/2006">
    <mc:Choice Requires="x15">
      <x15ac:absPath xmlns:x15ac="http://schemas.microsoft.com/office/spreadsheetml/2010/11/ac" url="C:\Users\s933544\Google Drive\eResearch\Terra Nova\Terra Nova Metadata inventory\"/>
    </mc:Choice>
  </mc:AlternateContent>
  <bookViews>
    <workbookView xWindow="480" yWindow="216" windowWidth="18480" windowHeight="8400" tabRatio="812"/>
  </bookViews>
  <sheets>
    <sheet name="Introduction" sheetId="6" r:id="rId1"/>
    <sheet name="Terra Nova metadata summary" sheetId="2" r:id="rId2"/>
    <sheet name="Terra Nova metadata inventory" sheetId="1" r:id="rId3"/>
    <sheet name="Terra Nova Sectors" sheetId="5" r:id="rId4"/>
    <sheet name="IBRA and NRM Regions" sheetId="3" r:id="rId5"/>
    <sheet name="IBRA Map" sheetId="8" r:id="rId6"/>
    <sheet name="Thematic tags vocabularies" sheetId="4" r:id="rId7"/>
    <sheet name="sheet data (do not delete)" sheetId="7" r:id="rId8"/>
  </sheets>
  <definedNames>
    <definedName name="ContentType">'sheet data (do not delete)'!#REF!</definedName>
    <definedName name="Rights">'sheet data (do not delete)'!$A$1:$A$7</definedName>
    <definedName name="terranova_regions__1" localSheetId="4">'IBRA and NRM Regions'!$F$6:$F$18</definedName>
  </definedNames>
  <calcPr calcId="145621"/>
</workbook>
</file>

<file path=xl/connections.xml><?xml version="1.0" encoding="utf-8"?>
<connections xmlns="http://schemas.openxmlformats.org/spreadsheetml/2006/main">
  <connection id="1" name="terranova_regions (1)1" type="6" refreshedVersion="4" background="1" saveData="1">
    <textPr codePage="437" sourceFile="C:\Users\s933544\Downloads\terranova_regions (1).txt" semicolon="1">
      <textFields count="2">
        <textField/>
        <textField/>
      </textFields>
    </textPr>
  </connection>
</connections>
</file>

<file path=xl/sharedStrings.xml><?xml version="1.0" encoding="utf-8"?>
<sst xmlns="http://schemas.openxmlformats.org/spreadsheetml/2006/main" count="703" uniqueCount="602">
  <si>
    <t>Name of report or dataset: will be the primary description that shows up in search results</t>
  </si>
  <si>
    <t>Used in item listings and search results</t>
  </si>
  <si>
    <t>Detailed overview of the content. Equivalent of an abstract or short executive summary</t>
  </si>
  <si>
    <t>Names of people who contributed to the development of this content item. Could be authors, data collectors etc</t>
  </si>
  <si>
    <t>Title</t>
  </si>
  <si>
    <t>Content type</t>
  </si>
  <si>
    <t>Brief description</t>
  </si>
  <si>
    <t>Detailed summary</t>
  </si>
  <si>
    <t>Owning organisation</t>
  </si>
  <si>
    <t>Logo</t>
  </si>
  <si>
    <t>Sector focus</t>
  </si>
  <si>
    <t>Thematic Tags</t>
  </si>
  <si>
    <t>Fields of Research</t>
  </si>
  <si>
    <t>Related Websites</t>
  </si>
  <si>
    <t>Geographic Coverage</t>
  </si>
  <si>
    <t>Local Govt Areas</t>
  </si>
  <si>
    <t>Bioregions (IBRA)</t>
  </si>
  <si>
    <t>Temporal Coverage</t>
  </si>
  <si>
    <t>Rights</t>
  </si>
  <si>
    <t>Contributors</t>
  </si>
  <si>
    <t>Citation</t>
  </si>
  <si>
    <t>Custodian</t>
  </si>
  <si>
    <t>emergency management</t>
  </si>
  <si>
    <t>Content</t>
  </si>
  <si>
    <t>human health</t>
  </si>
  <si>
    <t>marine biodiversity &amp; resources</t>
  </si>
  <si>
    <t>primary industries</t>
  </si>
  <si>
    <t>settlements and infrastructure</t>
  </si>
  <si>
    <t>social economic &amp; institutional dimensions</t>
  </si>
  <si>
    <t>terrestrial biodiversity</t>
  </si>
  <si>
    <t>water resources and freshwater biodiversity</t>
  </si>
  <si>
    <t>Detailed Descriptions</t>
  </si>
  <si>
    <t>Geographic and Temporal Extents</t>
  </si>
  <si>
    <t>Attributions and Constraints</t>
  </si>
  <si>
    <t>Highlight the area on a map, or alternatively enter coordinates manually in WKT format</t>
  </si>
  <si>
    <t>http://www.eionet.europa.eu/gemet/search?langcode=en</t>
  </si>
  <si>
    <t>Biodiversity</t>
  </si>
  <si>
    <t>Classification</t>
  </si>
  <si>
    <t>Conservation</t>
  </si>
  <si>
    <t>Distribution</t>
  </si>
  <si>
    <t>Exploration</t>
  </si>
  <si>
    <t>Indicators</t>
  </si>
  <si>
    <t>Inventory</t>
  </si>
  <si>
    <t>Management</t>
  </si>
  <si>
    <t>Mapping</t>
  </si>
  <si>
    <t>Maps</t>
  </si>
  <si>
    <t>Models</t>
  </si>
  <si>
    <t>Monitoring</t>
  </si>
  <si>
    <t>Networks</t>
  </si>
  <si>
    <t>Planning</t>
  </si>
  <si>
    <t>Production</t>
  </si>
  <si>
    <t>Reference</t>
  </si>
  <si>
    <t>Reports</t>
  </si>
  <si>
    <t>Research</t>
  </si>
  <si>
    <t>Reserve</t>
  </si>
  <si>
    <t>Resources</t>
  </si>
  <si>
    <t>Statistics</t>
  </si>
  <si>
    <t>Surveys</t>
  </si>
  <si>
    <t>Sustainability</t>
  </si>
  <si>
    <t>AGRICULTURE</t>
  </si>
  <si>
    <t>AGRICULTURE Crops</t>
  </si>
  <si>
    <t>AGRICULTURE Horticulture</t>
  </si>
  <si>
    <t>AGRICULTURE Irrigation</t>
  </si>
  <si>
    <t>AGRICULTURE Livestock</t>
  </si>
  <si>
    <t>ATMOSPHERE</t>
  </si>
  <si>
    <t>ATMOSPHERE Air Quality</t>
  </si>
  <si>
    <t>ATMOSPHERE Greenhouse</t>
  </si>
  <si>
    <t>ATMOSPHERE Ozone</t>
  </si>
  <si>
    <t>ATMOSPHERE Pressure</t>
  </si>
  <si>
    <t>BOUNDARIES</t>
  </si>
  <si>
    <t>BOUNDARIES Administrative</t>
  </si>
  <si>
    <t>BOUNDARIES Biophysical</t>
  </si>
  <si>
    <t>BOUNDARIES Cultural</t>
  </si>
  <si>
    <t>CLIMATE AND WEATHER</t>
  </si>
  <si>
    <t>CLIMATE AND WEATHER Climate change</t>
  </si>
  <si>
    <t>CLIMATE AND WEATHER Drought</t>
  </si>
  <si>
    <t>CLIMATE AND WEATHER El Nino</t>
  </si>
  <si>
    <t>CLIMATE AND WEATHER Extreme weather events</t>
  </si>
  <si>
    <t>CLIMATE AND WEATHER Meteorology</t>
  </si>
  <si>
    <t>CLIMATE AND WEATHER Radiation</t>
  </si>
  <si>
    <t>CLIMATE AND WEATHER Rainfall</t>
  </si>
  <si>
    <t>CLIMATE AND WEATHER Temperature</t>
  </si>
  <si>
    <t>DEMOGRAPHY</t>
  </si>
  <si>
    <t>DISEASE</t>
  </si>
  <si>
    <t>ECOLOGY</t>
  </si>
  <si>
    <t>ECOLOGY Community</t>
  </si>
  <si>
    <t>ECOLOGY Ecosystem</t>
  </si>
  <si>
    <t>ECOLOGY Habitat</t>
  </si>
  <si>
    <t>ECOLOGY Landscape</t>
  </si>
  <si>
    <t>ENERGY</t>
  </si>
  <si>
    <t>ENERGY Coal</t>
  </si>
  <si>
    <t>ENERGY Electricity</t>
  </si>
  <si>
    <t>ENERGY Petroleum</t>
  </si>
  <si>
    <t>ENERGY Renewable</t>
  </si>
  <si>
    <t>ENERGY Use</t>
  </si>
  <si>
    <t>FAUNA</t>
  </si>
  <si>
    <t>FAUNA Exotic</t>
  </si>
  <si>
    <t>FAUNA Insects</t>
  </si>
  <si>
    <t>FAUNA Invertebrates</t>
  </si>
  <si>
    <t>FAUNA Native</t>
  </si>
  <si>
    <t>FAUNA Vertebrates</t>
  </si>
  <si>
    <t>FISHERIES</t>
  </si>
  <si>
    <t>FISHERIES Aquaculture</t>
  </si>
  <si>
    <t>FISHERIES Freshwater</t>
  </si>
  <si>
    <t>FISHERIES Marine</t>
  </si>
  <si>
    <t>FISHERIES Recreational</t>
  </si>
  <si>
    <t>FLORA</t>
  </si>
  <si>
    <t>FLORA Exotic</t>
  </si>
  <si>
    <t>FLORA Native</t>
  </si>
  <si>
    <t>FORESTS</t>
  </si>
  <si>
    <t>FORESTS Agriforestry</t>
  </si>
  <si>
    <t>FORESTS Natural</t>
  </si>
  <si>
    <t>FORESTS Plantation</t>
  </si>
  <si>
    <t>GEOSCIENCES</t>
  </si>
  <si>
    <t>GEOSCIENCES Geochemistry</t>
  </si>
  <si>
    <t>GEOSCIENCES Geology</t>
  </si>
  <si>
    <t>GEOSCIENCES Geomorphology</t>
  </si>
  <si>
    <t>GEOSCIENCES Geophysics</t>
  </si>
  <si>
    <t>GEOSCIENCES Hydrogeology</t>
  </si>
  <si>
    <t>HAZARDS</t>
  </si>
  <si>
    <t>HAZARDS Cyclones</t>
  </si>
  <si>
    <t>HAZARDS Drought</t>
  </si>
  <si>
    <t>HAZARDS Earthquake</t>
  </si>
  <si>
    <t>HAZARDS Fire</t>
  </si>
  <si>
    <t>HAZARDS Flood</t>
  </si>
  <si>
    <t>HAZARDS Landslip</t>
  </si>
  <si>
    <t>HAZARDS Manmade</t>
  </si>
  <si>
    <t>HAZARDS Pests</t>
  </si>
  <si>
    <t>HAZARDS Severe local storms</t>
  </si>
  <si>
    <t>HAZARDS Tsunamis</t>
  </si>
  <si>
    <t>HEALTH</t>
  </si>
  <si>
    <t>HERITAGE</t>
  </si>
  <si>
    <t>HERITAGE Aboriginal</t>
  </si>
  <si>
    <t>HERITAGE Architectural</t>
  </si>
  <si>
    <t>HERITAGE Natural</t>
  </si>
  <si>
    <t>HERITAGE World</t>
  </si>
  <si>
    <t>HUMAN ENVIRONMENT</t>
  </si>
  <si>
    <t>HUMAN ENVIRONMENT Economics</t>
  </si>
  <si>
    <t>HUMAN ENVIRONMENT Housing</t>
  </si>
  <si>
    <t>HUMAN ENVIRONMENT Livability</t>
  </si>
  <si>
    <t>HUMAN ENVIRONMENT Planning</t>
  </si>
  <si>
    <t>HUMAN ENVIRONMENT Structures and Facilities</t>
  </si>
  <si>
    <t>HUMAN ENVIRONMENT Urban Design</t>
  </si>
  <si>
    <t>INDUSTRY</t>
  </si>
  <si>
    <t>INDUSTRY Manufacturing</t>
  </si>
  <si>
    <t>INDUSTRY Mining</t>
  </si>
  <si>
    <t>INDUSTRY Other</t>
  </si>
  <si>
    <t>INDUSTRY Primary</t>
  </si>
  <si>
    <t>INDUSTRY Service</t>
  </si>
  <si>
    <t>LAND</t>
  </si>
  <si>
    <t>LAND Cadastre</t>
  </si>
  <si>
    <t>LAND Cover</t>
  </si>
  <si>
    <t>LAND Geodesy</t>
  </si>
  <si>
    <t>LAND Geography</t>
  </si>
  <si>
    <t>LAND Ownership</t>
  </si>
  <si>
    <t>LAND Topography</t>
  </si>
  <si>
    <t>LAND Use</t>
  </si>
  <si>
    <t>LAND Valuation</t>
  </si>
  <si>
    <t>MARINE</t>
  </si>
  <si>
    <t>MARINE Biology</t>
  </si>
  <si>
    <t>MARINE Coasts</t>
  </si>
  <si>
    <t>MARINE Estuaries</t>
  </si>
  <si>
    <t>MARINE Geology and Geophysics</t>
  </si>
  <si>
    <t>MARINE Human Impacts</t>
  </si>
  <si>
    <t>MARINE Meteorology</t>
  </si>
  <si>
    <t>MARINE Reefs</t>
  </si>
  <si>
    <t>MINERALS</t>
  </si>
  <si>
    <t>MOLECULAR BIOLOGY</t>
  </si>
  <si>
    <t>MOLECULAR BIOLOGY Genetics</t>
  </si>
  <si>
    <t>OCEANOGRAPHY</t>
  </si>
  <si>
    <t>OCEANOGRAPHY Chemical</t>
  </si>
  <si>
    <t>OCEANOGRAPHY Physical</t>
  </si>
  <si>
    <t>PHOTOGRAPHY AND IMAGERY</t>
  </si>
  <si>
    <t>PHOTOGRAPHY AND IMAGERY Aerial</t>
  </si>
  <si>
    <t>PHOTOGRAPHY AND IMAGERY Remote Sensing</t>
  </si>
  <si>
    <t>PHOTOGRAPHY AND IMAGERY Satellite</t>
  </si>
  <si>
    <t>POLLUTION</t>
  </si>
  <si>
    <t>POLLUTION Air</t>
  </si>
  <si>
    <t>POLLUTION Noise</t>
  </si>
  <si>
    <t>POLLUTION Soil</t>
  </si>
  <si>
    <t>POLLUTION Water</t>
  </si>
  <si>
    <t>SOIL</t>
  </si>
  <si>
    <t>SOIL Biology</t>
  </si>
  <si>
    <t>SOIL Chemistry</t>
  </si>
  <si>
    <t>SOIL Erosion</t>
  </si>
  <si>
    <t>SOIL Physics</t>
  </si>
  <si>
    <t>TRANSPORTATION</t>
  </si>
  <si>
    <t>TRANSPORTATION Air</t>
  </si>
  <si>
    <t>TRANSPORTATION Land</t>
  </si>
  <si>
    <t>TRANSPORTATION Marine</t>
  </si>
  <si>
    <t>UTILITIES</t>
  </si>
  <si>
    <t>VEGETATION</t>
  </si>
  <si>
    <t>VEGETATION Floristic</t>
  </si>
  <si>
    <t>VEGETATION Structural</t>
  </si>
  <si>
    <t>WASTE</t>
  </si>
  <si>
    <t>WASTE Greenhouse gas</t>
  </si>
  <si>
    <t>WASTE Heat</t>
  </si>
  <si>
    <t>WASTE Liquid</t>
  </si>
  <si>
    <t>WASTE Sewage</t>
  </si>
  <si>
    <t>WASTE Solid</t>
  </si>
  <si>
    <t>WASTE Toxic</t>
  </si>
  <si>
    <t>WATER</t>
  </si>
  <si>
    <t>WATER Groundwater</t>
  </si>
  <si>
    <t>WATER Hydrochemistry</t>
  </si>
  <si>
    <t>WATER Hydrology</t>
  </si>
  <si>
    <t>WATER Lakes</t>
  </si>
  <si>
    <t>WATER Quality</t>
  </si>
  <si>
    <t>WATER Rivers</t>
  </si>
  <si>
    <t>WATER Salinity</t>
  </si>
  <si>
    <t>WATER Supply</t>
  </si>
  <si>
    <t>WATER Surface</t>
  </si>
  <si>
    <t>WATER Wetlands</t>
  </si>
  <si>
    <t>http://www.ipcc.ch/pdf/assessment-report/ar4/syr/ar4_syr_appendix.pdf</t>
  </si>
  <si>
    <t>http://www.epa.gov/climatechange/glossary.html</t>
  </si>
  <si>
    <t>This report looks at current and future climate change impacts on the Great Barrier Reef. It studies the perceptions of key stakeholder groups of potential outcomes, in order to better understand the motivations and capacities underlying adaptation action in the region</t>
  </si>
  <si>
    <t>050101 Ecological Impacts of Climate Change; 050205 Environmental Management; 070403 Fisheries Management; 150603 Tourism Management</t>
  </si>
  <si>
    <t>ecology; coast; coral reef; environmental management; tourism; fisheries management</t>
  </si>
  <si>
    <t>Associated files</t>
  </si>
  <si>
    <t>National Climate Change Adaptation Research Facility</t>
  </si>
  <si>
    <t>NCCARF Logo</t>
  </si>
  <si>
    <t>http://www.coralcoe.org.au/; http://www.nccarf.edu.au/</t>
  </si>
  <si>
    <t xml:space="preserve">Louisa S. Evans
Pedro Fidelman
Christina Hicks
Charlotte Morgan
Allison L. Perry 
Renae Tobin </t>
  </si>
  <si>
    <t>ARC</t>
  </si>
  <si>
    <t>ARP</t>
  </si>
  <si>
    <t>AUA</t>
  </si>
  <si>
    <t>AVW</t>
  </si>
  <si>
    <t>BBN</t>
  </si>
  <si>
    <t>BBS</t>
  </si>
  <si>
    <t>BEL</t>
  </si>
  <si>
    <t>BHC</t>
  </si>
  <si>
    <t>BRT</t>
  </si>
  <si>
    <t>CAR</t>
  </si>
  <si>
    <t>CEA</t>
  </si>
  <si>
    <t>CEK</t>
  </si>
  <si>
    <t>CER</t>
  </si>
  <si>
    <t>CHC</t>
  </si>
  <si>
    <t>CMC</t>
  </si>
  <si>
    <t>COO</t>
  </si>
  <si>
    <t>COP</t>
  </si>
  <si>
    <t>COS</t>
  </si>
  <si>
    <t>CYP</t>
  </si>
  <si>
    <t>DAB</t>
  </si>
  <si>
    <t>DAC</t>
  </si>
  <si>
    <t>DAL</t>
  </si>
  <si>
    <t>DEU</t>
  </si>
  <si>
    <t>DMR</t>
  </si>
  <si>
    <t>DRP</t>
  </si>
  <si>
    <t>EIU</t>
  </si>
  <si>
    <t>ESP</t>
  </si>
  <si>
    <t>EYB</t>
  </si>
  <si>
    <t>FIN</t>
  </si>
  <si>
    <t>FLB</t>
  </si>
  <si>
    <t>FUR</t>
  </si>
  <si>
    <t>GAS</t>
  </si>
  <si>
    <t>GAW</t>
  </si>
  <si>
    <t>GES</t>
  </si>
  <si>
    <t>GFU</t>
  </si>
  <si>
    <t>GID</t>
  </si>
  <si>
    <t>GSD</t>
  </si>
  <si>
    <t>GUC</t>
  </si>
  <si>
    <t>GUP</t>
  </si>
  <si>
    <t>GVD</t>
  </si>
  <si>
    <t>HAM</t>
  </si>
  <si>
    <t>ITI</t>
  </si>
  <si>
    <t>JAF</t>
  </si>
  <si>
    <t>KAN</t>
  </si>
  <si>
    <t>KIN</t>
  </si>
  <si>
    <t>LSD</t>
  </si>
  <si>
    <t>MAC</t>
  </si>
  <si>
    <t>MAL</t>
  </si>
  <si>
    <t>MDD</t>
  </si>
  <si>
    <t>MGD</t>
  </si>
  <si>
    <t>MII</t>
  </si>
  <si>
    <t>MUL</t>
  </si>
  <si>
    <t>MUR</t>
  </si>
  <si>
    <t>NAN</t>
  </si>
  <si>
    <t>NCP</t>
  </si>
  <si>
    <t>NET</t>
  </si>
  <si>
    <t>NNC</t>
  </si>
  <si>
    <t>NOK</t>
  </si>
  <si>
    <t>NSS</t>
  </si>
  <si>
    <t>NUL</t>
  </si>
  <si>
    <t>OVP</t>
  </si>
  <si>
    <t>PCK</t>
  </si>
  <si>
    <t>PIL</t>
  </si>
  <si>
    <t>PSI</t>
  </si>
  <si>
    <t>RIV</t>
  </si>
  <si>
    <t>SAI</t>
  </si>
  <si>
    <t>SCP</t>
  </si>
  <si>
    <t>SEC</t>
  </si>
  <si>
    <t>SEH</t>
  </si>
  <si>
    <t>SEQ</t>
  </si>
  <si>
    <t>SSD</t>
  </si>
  <si>
    <t>STP</t>
  </si>
  <si>
    <t>STU</t>
  </si>
  <si>
    <t>SVP</t>
  </si>
  <si>
    <t>SWA</t>
  </si>
  <si>
    <t>SYB</t>
  </si>
  <si>
    <t>TAN</t>
  </si>
  <si>
    <t>TCH</t>
  </si>
  <si>
    <t>TIW</t>
  </si>
  <si>
    <t>TNM</t>
  </si>
  <si>
    <t>TNS</t>
  </si>
  <si>
    <t>TSE</t>
  </si>
  <si>
    <t>TSR</t>
  </si>
  <si>
    <t>TWE</t>
  </si>
  <si>
    <t>VIB</t>
  </si>
  <si>
    <t>VIM</t>
  </si>
  <si>
    <t>WAR</t>
  </si>
  <si>
    <t>WET</t>
  </si>
  <si>
    <t>YAL</t>
  </si>
  <si>
    <t>Arnhem Coast</t>
  </si>
  <si>
    <t>Arnhem Plateau</t>
  </si>
  <si>
    <t>Australian Alps</t>
  </si>
  <si>
    <t>Avon Wheatbelt</t>
  </si>
  <si>
    <t>Brigalow Belt North</t>
  </si>
  <si>
    <t>Brigalow Belt South</t>
  </si>
  <si>
    <t>Ben Lomond</t>
  </si>
  <si>
    <t>Broken Hill Complex</t>
  </si>
  <si>
    <t>Burt Plain</t>
  </si>
  <si>
    <t>Carnarvon</t>
  </si>
  <si>
    <t>Central Arnhem</t>
  </si>
  <si>
    <t>Central Kimberley</t>
  </si>
  <si>
    <t>Central Ranges</t>
  </si>
  <si>
    <t>Channel Country</t>
  </si>
  <si>
    <t>Central Mackay Coast</t>
  </si>
  <si>
    <t>Coolgardie</t>
  </si>
  <si>
    <t>Cobar Peneplain</t>
  </si>
  <si>
    <t>Coral Sea</t>
  </si>
  <si>
    <t>Cape York Peninsula</t>
  </si>
  <si>
    <t>Daly Basin</t>
  </si>
  <si>
    <t>Darwin Coastal</t>
  </si>
  <si>
    <t>Dampierland</t>
  </si>
  <si>
    <t>Desert Uplands</t>
  </si>
  <si>
    <t>Davenport Murchison Ranges</t>
  </si>
  <si>
    <t>Darling Riverine Plains</t>
  </si>
  <si>
    <t>Einasleigh Uplands</t>
  </si>
  <si>
    <t>Esperance Plains</t>
  </si>
  <si>
    <t>Eyre Yorke Block</t>
  </si>
  <si>
    <t>Finke</t>
  </si>
  <si>
    <t>Flinders Lofty Block</t>
  </si>
  <si>
    <t>Furneaux</t>
  </si>
  <si>
    <t>Gascoyne</t>
  </si>
  <si>
    <t>Gawler</t>
  </si>
  <si>
    <t>Geraldton Sandplains</t>
  </si>
  <si>
    <t>Gulf Fall and Uplands</t>
  </si>
  <si>
    <t>Gibson Desert</t>
  </si>
  <si>
    <t>Great Sandy Desert</t>
  </si>
  <si>
    <t>Gulf Coastal</t>
  </si>
  <si>
    <t>Gulf Plains</t>
  </si>
  <si>
    <t>Great Victoria Desert</t>
  </si>
  <si>
    <t>Hampton</t>
  </si>
  <si>
    <t>Indian Tropical Islands</t>
  </si>
  <si>
    <t>Jarrah Forest</t>
  </si>
  <si>
    <t>Kanmantoo</t>
  </si>
  <si>
    <t>King</t>
  </si>
  <si>
    <t>Little Sandy Desert</t>
  </si>
  <si>
    <t>MacDonnell Ranges</t>
  </si>
  <si>
    <t>Mallee</t>
  </si>
  <si>
    <t>Murray Darling Depression</t>
  </si>
  <si>
    <t>Mitchell Grass Downs</t>
  </si>
  <si>
    <t>Mount Isa Inlier</t>
  </si>
  <si>
    <t>Mulga Lands</t>
  </si>
  <si>
    <t>Murchison</t>
  </si>
  <si>
    <t>Nandewar</t>
  </si>
  <si>
    <t>Naracoorte Coastal Plain</t>
  </si>
  <si>
    <t>New England Tablelands</t>
  </si>
  <si>
    <t>NSW North Coast</t>
  </si>
  <si>
    <t>Northern Kimberley</t>
  </si>
  <si>
    <t>NSW South Western Slopes</t>
  </si>
  <si>
    <t>Nullarbor</t>
  </si>
  <si>
    <t>Ord Victoria Plain</t>
  </si>
  <si>
    <t>Pine Creek</t>
  </si>
  <si>
    <t>Pilbara</t>
  </si>
  <si>
    <t>Pacific Subtropical Islands</t>
  </si>
  <si>
    <t>Riverina</t>
  </si>
  <si>
    <t>Subantarctic Islands</t>
  </si>
  <si>
    <t>South East Coastal Plain</t>
  </si>
  <si>
    <t>South East Corner</t>
  </si>
  <si>
    <t>South Eastern Highlands</t>
  </si>
  <si>
    <t>South Eastern Queensland</t>
  </si>
  <si>
    <t>Simpson Strzelecki Dunefields</t>
  </si>
  <si>
    <t>Stony Plains</t>
  </si>
  <si>
    <t>Sturt Plateau</t>
  </si>
  <si>
    <t>Southern Volcanic Plain</t>
  </si>
  <si>
    <t>Swan Coastal Plain</t>
  </si>
  <si>
    <t>Sydney Basin</t>
  </si>
  <si>
    <t>Tanami</t>
  </si>
  <si>
    <t>Tasmanian Central Highlands</t>
  </si>
  <si>
    <t>Tiwi Cobourg</t>
  </si>
  <si>
    <t>Tasmanian Northern Midlands</t>
  </si>
  <si>
    <t>Tasmanian Northern Slopes</t>
  </si>
  <si>
    <t>Tasmanian South East</t>
  </si>
  <si>
    <t>Tasmanian Southern Ranges</t>
  </si>
  <si>
    <t>Tasmanian West</t>
  </si>
  <si>
    <t>Victoria Bonaparte</t>
  </si>
  <si>
    <t>Victorian Midlands</t>
  </si>
  <si>
    <t>Warren</t>
  </si>
  <si>
    <t>Wet Tropics</t>
  </si>
  <si>
    <t>Yalgoo</t>
  </si>
  <si>
    <t>Cape York Peninsula; Wet Tropics; Brigalow Belt North; Central Mackay Coast; South Eastern Queensland</t>
  </si>
  <si>
    <t>ACT</t>
  </si>
  <si>
    <t>Jervis Bay Territory</t>
  </si>
  <si>
    <t>NSW</t>
  </si>
  <si>
    <t>Border Rivers-Gwydir</t>
  </si>
  <si>
    <t>Central West</t>
  </si>
  <si>
    <t>Hawkesbury-Nepean</t>
  </si>
  <si>
    <t>Hunter-Central Rivers</t>
  </si>
  <si>
    <t>Lachlan</t>
  </si>
  <si>
    <t>Lower Murray Darling</t>
  </si>
  <si>
    <t>Murray</t>
  </si>
  <si>
    <t>Murrumbidgee</t>
  </si>
  <si>
    <t>Namoi</t>
  </si>
  <si>
    <t>Northern Rivers</t>
  </si>
  <si>
    <t>Southern Rivers</t>
  </si>
  <si>
    <t>Sydney Metro</t>
  </si>
  <si>
    <t>Western</t>
  </si>
  <si>
    <t>NT</t>
  </si>
  <si>
    <t>Northern Territory</t>
  </si>
  <si>
    <t>Qld</t>
  </si>
  <si>
    <t>Burdekin</t>
  </si>
  <si>
    <t>Burnett Mary</t>
  </si>
  <si>
    <t>Cape York</t>
  </si>
  <si>
    <t>Condamine</t>
  </si>
  <si>
    <t>Desert Channels</t>
  </si>
  <si>
    <t>Fitzroy</t>
  </si>
  <si>
    <t>Mackay Whitsunday</t>
  </si>
  <si>
    <t>Northern Gulf</t>
  </si>
  <si>
    <t>South East Queensland</t>
  </si>
  <si>
    <t>South West Queensland</t>
  </si>
  <si>
    <t>Southern Gulf</t>
  </si>
  <si>
    <t>Torres Strait</t>
  </si>
  <si>
    <t>SA</t>
  </si>
  <si>
    <t>Adelaide and Mount Lofty Ranges</t>
  </si>
  <si>
    <t>Alinytjara Wilurara</t>
  </si>
  <si>
    <t>Eyre Peninsula</t>
  </si>
  <si>
    <t>Kangaroo Island</t>
  </si>
  <si>
    <t>Northern and Yorke</t>
  </si>
  <si>
    <t>South Australian Arid Lands</t>
  </si>
  <si>
    <t>South Australian Murray Darling</t>
  </si>
  <si>
    <t>South East</t>
  </si>
  <si>
    <t>Tas</t>
  </si>
  <si>
    <t>North West</t>
  </si>
  <si>
    <t>North</t>
  </si>
  <si>
    <t>South</t>
  </si>
  <si>
    <t>Vic</t>
  </si>
  <si>
    <t>Corangamite</t>
  </si>
  <si>
    <t>East Gippsland</t>
  </si>
  <si>
    <t>Glenelg Hopkins</t>
  </si>
  <si>
    <t>Goulburn Broken</t>
  </si>
  <si>
    <t>North Central</t>
  </si>
  <si>
    <t>North East</t>
  </si>
  <si>
    <t>Port Phillip and Westernport</t>
  </si>
  <si>
    <t>West Gippsland</t>
  </si>
  <si>
    <t>Wimmera</t>
  </si>
  <si>
    <t>WA</t>
  </si>
  <si>
    <t>Avon</t>
  </si>
  <si>
    <t>Northern Agricultural</t>
  </si>
  <si>
    <t>Rangelands</t>
  </si>
  <si>
    <t>South Coast</t>
  </si>
  <si>
    <t>South West</t>
  </si>
  <si>
    <t>Swan</t>
  </si>
  <si>
    <t>Cape York; Terrain; NQ Dry Tropics; Reef Catchments; Fitzroy Basin; Burnett Mary</t>
  </si>
  <si>
    <t>Any websites related to the item or collection</t>
  </si>
  <si>
    <t>Level of Requirement</t>
  </si>
  <si>
    <t>Mandatory</t>
  </si>
  <si>
    <t>Recommended</t>
  </si>
  <si>
    <t xml:space="preserve">Optional </t>
  </si>
  <si>
    <t>Required if linking to external content</t>
  </si>
  <si>
    <t>Terra Nova Sectors</t>
  </si>
  <si>
    <t>dataset</t>
  </si>
  <si>
    <t>Description / instructions</t>
  </si>
  <si>
    <t>IPCC glossary</t>
  </si>
  <si>
    <t xml:space="preserve">In this study, we developed a set of four alternative future scenarios to explore different climate change impact and adaptation pathways and their implications for the Great Barrier Reef (GBR) and its fishing and tourism industries. We conducted a rapid literature review and a scientific consultation in order to develop the initial scenarios. We then presented and discussed the scenarios in multi-stakeholder workshops and in interviews with representatives from the tourism and fishing industries, non-governmental organisations, local and state government, and the research community. </t>
  </si>
  <si>
    <t>GEMET (General Multilingual Environmental Thesaurus)</t>
  </si>
  <si>
    <t>EPA Climate Change Glossary</t>
  </si>
  <si>
    <t>publication</t>
  </si>
  <si>
    <t>Griffith University</t>
  </si>
  <si>
    <t>Griffith University Logo</t>
  </si>
  <si>
    <t>http://www.tern-supersites.net.au/knb/metacat/shuker.14.16/html</t>
  </si>
  <si>
    <t>Terrestrial Biodiversity</t>
  </si>
  <si>
    <t>Brisbane</t>
  </si>
  <si>
    <t xml:space="preserve"> 060207 Population Ecology; 060208 Terrestrial Ecology</t>
  </si>
  <si>
    <t>Cook; Lockhart River; Hope Vale;  Douglas; Yarrabah; Cairns;  Mareeba; Cassowary Coast;  Palm Island; Hinchinbrook; Townsville; Burdekin; Whitsunday; Mackay; Isaac; Livingstone; Rockhampton; Gladstone</t>
  </si>
  <si>
    <t>This spreadsheet is designed to assist with metadata preparation for material to be uploaded to the Terra Nova Climate Change Adaptation Information Hub</t>
  </si>
  <si>
    <t>www.terranova.org.au</t>
  </si>
  <si>
    <t>TERN: http://www.tern-supersites.net.au/index.php/seq; PPBio: http://www.griffith.edu.au/ppbio</t>
  </si>
  <si>
    <t>It contains the following worksheets:</t>
  </si>
  <si>
    <t>Prepared by: Griffith University NRM CCAIMS Project</t>
  </si>
  <si>
    <r>
      <rPr>
        <b/>
        <sz val="11"/>
        <color theme="1"/>
        <rFont val="Calibri"/>
        <family val="2"/>
        <scheme val="minor"/>
      </rPr>
      <t>Terra Nova metadata summary</t>
    </r>
    <r>
      <rPr>
        <sz val="11"/>
        <color theme="1"/>
        <rFont val="Calibri"/>
        <family val="2"/>
        <scheme val="minor"/>
      </rPr>
      <t>: describes the metadata fields available in Terra Nova  and specifies which are mandatory, recommended and optional.</t>
    </r>
  </si>
  <si>
    <r>
      <rPr>
        <b/>
        <sz val="11"/>
        <color theme="1"/>
        <rFont val="Calibri"/>
        <family val="2"/>
        <scheme val="minor"/>
      </rPr>
      <t>Terra Nova metadata inventory</t>
    </r>
    <r>
      <rPr>
        <sz val="11"/>
        <color theme="1"/>
        <rFont val="Calibri"/>
        <family val="2"/>
        <scheme val="minor"/>
      </rPr>
      <t>: allows users to record metadata for materials prior to upload to Terra Nova. Provides 2 metadata examples for content types "publication" and "dataset".</t>
    </r>
  </si>
  <si>
    <t>These are the files (if any) that will be uploaded to Terra Nova and associated with the record. A number of files can be associated with a single metadata record.</t>
  </si>
  <si>
    <t>Evans_2012_Limits_Great_Barrier_Reef.pdf; the-rohit-gbr.jpg; the-rohit-gbr100.jpg</t>
  </si>
  <si>
    <t>Source:  http://www.environment.gov.au/topics/land/national-reserve-system/science-maps-and-data/australias-bioregions-ibra/australias</t>
  </si>
  <si>
    <t>Source:  http://www.nrm.gov.au/about/nrm/regions/index.html</t>
  </si>
  <si>
    <t>Reegle Energy and Climate Change Glossary</t>
  </si>
  <si>
    <t>http://www.reegle.info/glossary</t>
  </si>
  <si>
    <t>Suggested controlled vocabularies and glossaries which can be used as source of  keywords for "thematic tags" field in Terra Nova</t>
  </si>
  <si>
    <t>External Identifier</t>
  </si>
  <si>
    <t>Maranoa - Balonne</t>
  </si>
  <si>
    <t xml:space="preserve">Border Rivers </t>
  </si>
  <si>
    <t>The logo of the owning organisation</t>
  </si>
  <si>
    <t>Time period during which the content item data was collected or relevant observations were made. Start date and end date required in the format dd/mm/yyyy.</t>
  </si>
  <si>
    <t>Temporal Coverage: end date</t>
  </si>
  <si>
    <t>Temporal Coverage: start date</t>
  </si>
  <si>
    <t>Terrestrial Biodiversity , Marine Biodiversity and Resources , Social, Economic and Institutional Dimensions, Water Resources and Freshwater Biodiversity</t>
  </si>
  <si>
    <r>
      <t>Evans LS, Fidelman P, Hicks C, Morgan C, Perry AL, Tobin, R.  </t>
    </r>
    <r>
      <rPr>
        <i/>
        <sz val="10"/>
        <color rgb="FF333333"/>
        <rFont val="Calibri"/>
        <family val="2"/>
        <scheme val="minor"/>
      </rPr>
      <t>Limits to climate change adaptation in the Great Barrier Reef: scoping ecological and social limits.</t>
    </r>
    <r>
      <rPr>
        <sz val="10"/>
        <color rgb="FF333333"/>
        <rFont val="Calibri"/>
        <family val="2"/>
        <scheme val="minor"/>
      </rPr>
      <t xml:space="preserve"> Gold Coast: National Climate Change Adaptation Research Facility; 2012.</t>
    </r>
  </si>
  <si>
    <t>Ryan Hughes
Guy Castley 
Jean-Marc Hero</t>
  </si>
  <si>
    <r>
      <t xml:space="preserve">Recommended citation for item. Datasets should follow the format </t>
    </r>
    <r>
      <rPr>
        <b/>
        <sz val="11"/>
        <color theme="1"/>
        <rFont val="Calibri"/>
        <family val="2"/>
        <scheme val="minor"/>
      </rPr>
      <t>Creator (PublicationYear): Title. Version*. Publisher. ResourceType*. Identifier.</t>
    </r>
    <r>
      <rPr>
        <b/>
        <i/>
        <sz val="11"/>
        <color theme="1"/>
        <rFont val="Calibri"/>
        <family val="2"/>
        <scheme val="minor"/>
      </rPr>
      <t xml:space="preserve"> (*optional)</t>
    </r>
  </si>
  <si>
    <r>
      <t xml:space="preserve">Recommended citation for item.  For sample citations in Vancouver style see http://www.nlm.nih.gov/bsd/uniform_requirements.html.           For datasets use the format  </t>
    </r>
    <r>
      <rPr>
        <i/>
        <sz val="11"/>
        <color theme="1"/>
        <rFont val="Calibri"/>
        <family val="2"/>
        <scheme val="minor"/>
      </rPr>
      <t>Creator (PublicationYear): Title. Version*. Publisher. ResourceType*. Identifier.</t>
    </r>
    <r>
      <rPr>
        <sz val="11"/>
        <color theme="1"/>
        <rFont val="Calibri"/>
        <family val="2"/>
        <scheme val="minor"/>
      </rPr>
      <t xml:space="preserve"> (*optional)</t>
    </r>
  </si>
  <si>
    <r>
      <rPr>
        <b/>
        <sz val="10"/>
        <color rgb="FF333333"/>
        <rFont val="Calibri"/>
        <family val="2"/>
        <scheme val="minor"/>
      </rPr>
      <t>Example publication:</t>
    </r>
    <r>
      <rPr>
        <sz val="10"/>
        <color rgb="FF333333"/>
        <rFont val="Calibri"/>
        <family val="2"/>
        <scheme val="minor"/>
      </rPr>
      <t xml:space="preserve"> Limits to climate change adaptation in the Great Barrier Reef: scoping ecological and social limits</t>
    </r>
  </si>
  <si>
    <t>Karawatha Forest Park bounding coordinates: W 153.06 degrees; E 153.1 degrees; N  -27.61 degrees; S -27.65 degrees</t>
  </si>
  <si>
    <t>R. Hughes (2008): Bird surveys in Karawatha Forest Park. SEQ Peri-Urban Supersite. http://www.tern-supersites.net.au/knb/metacat/shuker.14.16/html.</t>
  </si>
  <si>
    <t>Louisa Evans, Australian Research Council Centre of Excellence for Coral Reef Studies, James Cook University, Townsville, Queensland, 4811
Email: Louisa.Evans@jcu.edu.au</t>
  </si>
  <si>
    <t>Jean-Marc Hero, Environmental Futures Centre, Griffith University,  Gold Coast Campus, Griffith University, Queensland. 
Email: m.hero@griffith.edu.au</t>
  </si>
  <si>
    <t>Attribution (CC BY)</t>
  </si>
  <si>
    <t>Attribution-ShareAlike (CC BY-SA)</t>
  </si>
  <si>
    <t>Attribution-NoDerivatives (CC BY-ND)</t>
  </si>
  <si>
    <t>Attribution-NonCommercial (CC BY-NC)</t>
  </si>
  <si>
    <t>Attribution-NonCommercial-ShareAlike (CC BY-NC-SA)</t>
  </si>
  <si>
    <t>Attribution-NonCommercial-NoDervivatives (CC BY-NC-SA)</t>
  </si>
  <si>
    <t>All rights reserved</t>
  </si>
  <si>
    <t xml:space="preserve">Between January and September of 2007 a Program for Planned Biodiversity and Ecosystem Research (PPBio) grid was established as a long-term ecological research site (LTER) in Eucalypt forest at Karawatha Forest Park in Brisbane, Queensland Australia. Karawatha Forest is on the southern peri-urban edge of Brisbane and is managed by the Brisbane City Council. It contains a variety of habitats from freshwater lagoons and sandstone ridges, to dry eucalypt forests and wet heath.  The grid was arbitrarily placed to cover the reserve and includes approximately 33 km of fixed transects and 33 fixed plots. Bird surveys were completed for 33 one-hectare plots in Karawatha Forest Park. The plots are at 500 m intervals in a grid that covers the entire Park. Each plot follows the elevational contour and is 250 m long x 40 m wide. Five repeat surveys were completed during the period August 2007 to January 2008. </t>
  </si>
  <si>
    <t>This dataset is part of a study examining the influence of habitat complexity measured using a combination of floristic and physiognomic vegetation parameters on avian communities at a mesoscale within Karawatha Forest Park, Southeast Queensland. Five repeat bird surveys were completed for 33 one-hectare plots in Karawatha Forest Park during the period August 2007 to January 2008.</t>
  </si>
  <si>
    <t xml:space="preserve">This work is licensed under a TERN Attribution -Share Alike licence. The 
site Principal Investigators (PIs) also ask for the opportunity to collaborate on research using their data sets when the intended use aligns with their own research interests. 
ASN requests that you send copies of accepted papers or links to these to ASN and the PIs (listed in the metadata of the data set) of the sites used in the paper. It is also recommended that you contact ASN or the site PIs prior to publication to avoid potential misinterpretation of the data. 
</t>
  </si>
  <si>
    <t>DOI or other identifier (eg URI) for locating content item if hosted externally</t>
  </si>
  <si>
    <r>
      <rPr>
        <b/>
        <sz val="10"/>
        <color rgb="FF4B4842"/>
        <rFont val="Calibri"/>
        <family val="2"/>
        <scheme val="minor"/>
      </rPr>
      <t>Example dataset</t>
    </r>
    <r>
      <rPr>
        <sz val="10"/>
        <color rgb="FF4B4842"/>
        <rFont val="Calibri"/>
        <family val="2"/>
        <scheme val="minor"/>
      </rPr>
      <t>: Bird surveys in Karawatha Forest Park 2007-2008</t>
    </r>
  </si>
  <si>
    <t>birds; ecology – habitat; fauna – vertebrate; flora;  Karawatha Forest</t>
  </si>
  <si>
    <r>
      <t>Terra Nova metadata preparation inventory</t>
    </r>
    <r>
      <rPr>
        <sz val="10"/>
        <color theme="1"/>
        <rFont val="Calibri"/>
        <family val="2"/>
        <scheme val="minor"/>
      </rPr>
      <t xml:space="preserve"> by Griffith University is licensed under the Creative Commons Attribution 4.0 International License</t>
    </r>
  </si>
  <si>
    <t xml:space="preserve"> http://creativecommons.org/licenses/by/4.0/</t>
  </si>
  <si>
    <t>NSW LLS</t>
  </si>
  <si>
    <t>Central Tablelands</t>
  </si>
  <si>
    <t>Greater Sydney</t>
  </si>
  <si>
    <t>Hunter</t>
  </si>
  <si>
    <t>Northern Tablelands</t>
  </si>
  <si>
    <t>Northern Coast</t>
  </si>
  <si>
    <t>VIC</t>
  </si>
  <si>
    <t>QLD</t>
  </si>
  <si>
    <t>Border Rivers Maranoa–Balonne</t>
  </si>
  <si>
    <t>South Australian Murray Darling Basin</t>
  </si>
  <si>
    <t>Peel-Harvey</t>
  </si>
  <si>
    <t>TAS</t>
  </si>
  <si>
    <t>OTHER TERRITORIES</t>
  </si>
  <si>
    <t>Ashmore and Cartier Islands</t>
  </si>
  <si>
    <t>Christmas Island</t>
  </si>
  <si>
    <t>Cocos Keeling Islands</t>
  </si>
  <si>
    <t>Heard and McDonald Islands</t>
  </si>
  <si>
    <t>Norfolk Island</t>
  </si>
  <si>
    <t>Marine NRM</t>
  </si>
  <si>
    <t>NRM Region (pre Sept 2014)</t>
  </si>
  <si>
    <t>NRM/LLS Regions as of Sept 2014</t>
  </si>
  <si>
    <t>IBRA7 region name</t>
  </si>
  <si>
    <t>IBRA7 region code</t>
  </si>
  <si>
    <t>NRM/LLS Regions</t>
  </si>
  <si>
    <t>ANZLIC keyword (these keywords are pre-loaded into Terra Nova's Thematic Tags field)</t>
  </si>
  <si>
    <t>ANZLIC qualifier (these terms can be added to the end of any ANZLIC keyword)</t>
  </si>
  <si>
    <t>Other relevant Controlled Vocabularies</t>
  </si>
  <si>
    <t>Web address</t>
  </si>
  <si>
    <t>Metadata category</t>
  </si>
  <si>
    <t>Name of metadata field</t>
  </si>
  <si>
    <t>Image file showing logo of owning organisation</t>
  </si>
  <si>
    <t>Owning organisation(s)</t>
  </si>
  <si>
    <t>DOI, URL or other external identifier for locating content item if hosted externally</t>
  </si>
  <si>
    <r>
      <rPr>
        <b/>
        <sz val="11"/>
        <color theme="1"/>
        <rFont val="Calibri"/>
        <family val="2"/>
        <scheme val="minor"/>
      </rPr>
      <t>IBRA &amp; NRM regions</t>
    </r>
    <r>
      <rPr>
        <sz val="11"/>
        <color theme="1"/>
        <rFont val="Calibri"/>
        <family val="2"/>
        <scheme val="minor"/>
      </rPr>
      <t>: lists all IBRAs and NRM/LLS regions, current as of April 2015.</t>
    </r>
  </si>
  <si>
    <r>
      <rPr>
        <b/>
        <sz val="11"/>
        <color theme="1"/>
        <rFont val="Calibri"/>
        <family val="2"/>
        <scheme val="minor"/>
      </rPr>
      <t>Thematic Tags vocabularies</t>
    </r>
    <r>
      <rPr>
        <sz val="11"/>
        <color theme="1"/>
        <rFont val="Calibri"/>
        <family val="2"/>
        <scheme val="minor"/>
      </rPr>
      <t>: Lists ANZLIC keywords and qualifiers, and provides links to other controlled vocabularies and glossaries which can be used as sources of  keywords for "thematic tags" field in Terra Nova.</t>
    </r>
  </si>
  <si>
    <r>
      <rPr>
        <b/>
        <sz val="11"/>
        <color theme="1"/>
        <rFont val="Calibri"/>
        <family val="2"/>
        <scheme val="minor"/>
      </rPr>
      <t>Terra Nova Sectors</t>
    </r>
    <r>
      <rPr>
        <sz val="11"/>
        <color theme="1"/>
        <rFont val="Calibri"/>
        <family val="2"/>
        <scheme val="minor"/>
      </rPr>
      <t>: specifies the choice of sectors for the metadata field "Sector".</t>
    </r>
  </si>
  <si>
    <t>For a complete LGA listing see http://www.abs.gov.au/AUSSTATS/abs@.nsf/DetailsPage/1270.0.55.003July%202011?OpenDocument</t>
  </si>
  <si>
    <t>Brief overview of the content, will be displayed in item listings and search results.</t>
  </si>
  <si>
    <t>Detailed overview of the content. Equivalent of an abstract or short executive summary.</t>
  </si>
  <si>
    <t>Name of report or dataset: will be the primary description that shows in item listings and search results</t>
  </si>
  <si>
    <t>Name of content owner: will generally be publisher or other rights holder.</t>
  </si>
  <si>
    <r>
      <t xml:space="preserve">Pre-defined listing in Terra Nova. Options are: </t>
    </r>
    <r>
      <rPr>
        <b/>
        <i/>
        <sz val="11"/>
        <color theme="3"/>
        <rFont val="Calibri"/>
        <family val="2"/>
        <scheme val="minor"/>
      </rPr>
      <t>emergency management, human health, marine biodiversity &amp; resources, primary industries, settlements and infrastructure, social economic &amp; institutional dimensions, terrestrial biodiversity, water resources and freshwater biodiversity</t>
    </r>
  </si>
  <si>
    <t>ANZSRC FoR codes. Complete listing of FoR codes at http://www.abs.gov.au/Ausstats/abs@.nsf/Latestproducts/6BB427AB9696C225CA2574180004463E?opendocument</t>
  </si>
  <si>
    <t>Free text tags or keywords that describe the subject matter of your content. Suggested controlled vocabularies and glossaries: ANZLIC keywords &amp; qualifiers, GEMET Thesaurus, IPCC glossary, EPA Climate Change Glossary</t>
  </si>
  <si>
    <r>
      <t xml:space="preserve">Format of the content being uploaded.  Options are: </t>
    </r>
    <r>
      <rPr>
        <b/>
        <i/>
        <sz val="11"/>
        <color theme="3"/>
        <rFont val="Calibri"/>
        <family val="2"/>
        <scheme val="minor"/>
      </rPr>
      <t>brochure, case study, dataset, fact sheet, image, management plan, multimedia, National Adaptation Research Plan (NERP), newsletter, planning documentation, policy, poster, presentation, publication, report</t>
    </r>
  </si>
  <si>
    <t>For a complete NRM/LLS listing see worksheet in this file or http://www.nrm.gov.au/about/nrm/regions/index.html</t>
  </si>
  <si>
    <t>For a complete IBRA listing see worksheet in this file or http://www.environment.gov.au/topics/land/national-reserve-system/science-maps-and-data/australias-bioregions-ibra/australias</t>
  </si>
  <si>
    <t>End of time period during which the content item data was collected or relevant observations were made. Entered as date in format dd/mm/yyyy. For projections data use projection date e.g. 31/12/2050</t>
  </si>
  <si>
    <t>Start of time period during which the content item data was collected or relevant observations were made. Entered as date in format dd/mm/yyyy. Usually relevant for datasets or projections.</t>
  </si>
  <si>
    <t>Rights statement and/or licensing details which outline the appropriate use of this content item. Terra Nova encourages the use of open licensing where possible.</t>
  </si>
  <si>
    <t>Pre-defined listing in Terra Nova. Choose one or more options from list.</t>
  </si>
  <si>
    <t>Format of the content being uploaded. Choose one or more options from drop-down list.</t>
  </si>
  <si>
    <t>Name of content owner(s). Will  generally be publisher or copyright holder</t>
  </si>
  <si>
    <t xml:space="preserve">Free text tags or keywords that describe the subject matter of your content. Suggested controlled vocabularies and glossaries: ANZLIC keywords &amp; qualifiers, GEMET Thesaurus, Reegle Energy and Climate Change Glossary, IPCC glossary, EPA Climate Change Glossary. </t>
  </si>
  <si>
    <t>ANZSRC Fields of Research (FOR) Classification Codes. Add one or more codes via type-ahead box. Complete listing at http://www.abs.gov.au/Ausstats/abs@.nsf/Latestproducts/6BB427AB9696C225CA2574180004463E?opendocument</t>
  </si>
  <si>
    <t>Enter relevant LGA(s) via type-ahead box.  For complete LGA listing see http://www.abs.gov.au/AUSSTATS/abs@.nsf/DetailsPage/1270.0.55.003July%202011?OpenDocument</t>
  </si>
  <si>
    <t>Enter relevant NRM region(s) via type-ahead box. For complete NRM region listing see worksheet in this file or http://www.nrm.gov.au/about/nrm/regions/index.html</t>
  </si>
  <si>
    <t>Enter relevant IBRA(s) via type-ahead box. For complete IBRA listing see worksheet in this file or http://www.environment.gov.au/topics/land/national-reserve-system/science-maps-and-data/australias-bioregions-ibra/australias</t>
  </si>
  <si>
    <t>Rights statement , licensing details or other terms of use which outline the appropriate use of the content item</t>
  </si>
  <si>
    <t>Name and contact details of the person who can respond to enquiries about the content item.</t>
  </si>
  <si>
    <r>
      <rPr>
        <b/>
        <sz val="11"/>
        <color theme="1"/>
        <rFont val="Calibri"/>
        <family val="2"/>
        <scheme val="minor"/>
      </rPr>
      <t>Introduction</t>
    </r>
    <r>
      <rPr>
        <sz val="11"/>
        <color theme="1"/>
        <rFont val="Calibri"/>
        <family val="2"/>
        <scheme val="minor"/>
      </rPr>
      <t>: this worksheet</t>
    </r>
  </si>
  <si>
    <r>
      <rPr>
        <b/>
        <sz val="11"/>
        <color theme="1"/>
        <rFont val="Calibri"/>
        <family val="2"/>
        <scheme val="minor"/>
      </rPr>
      <t>Sheet data</t>
    </r>
    <r>
      <rPr>
        <sz val="11"/>
        <color theme="1"/>
        <rFont val="Calibri"/>
        <family val="2"/>
        <scheme val="minor"/>
      </rPr>
      <t>: do not delete this worksheet - provides data necessary to complete inventory</t>
    </r>
  </si>
  <si>
    <t>Expiration Date</t>
  </si>
  <si>
    <t>Issue Date</t>
  </si>
  <si>
    <t>The date on which the content item was published or otherwise formally issued. Can be entered as dd/mm/yyyy, mm/yyyy or yyyy.</t>
  </si>
  <si>
    <t>Terra Nova metadata preparation inventory v2.1</t>
  </si>
  <si>
    <t>Upload date</t>
  </si>
  <si>
    <t>The date when the content item will appear in listings and searches on Terra Nova. This field can be used when there is an embargo on the content item.</t>
  </si>
  <si>
    <t>The date after which the content item will no longer appear in Terra Nova. Can be used for content that needs to be removed from public view after a set period of time.</t>
  </si>
  <si>
    <t>Source: http://www.environment.gov.au/land/nrs/science/ibra/australias-bioregions-maps</t>
  </si>
  <si>
    <t>Last modified: 19 November 2015 (version 2.1)</t>
  </si>
  <si>
    <r>
      <rPr>
        <b/>
        <sz val="11"/>
        <color theme="1"/>
        <rFont val="Calibri"/>
        <family val="2"/>
        <scheme val="minor"/>
      </rPr>
      <t>IBRA Map</t>
    </r>
    <r>
      <rPr>
        <sz val="11"/>
        <color theme="1"/>
        <rFont val="Calibri"/>
        <family val="2"/>
        <scheme val="minor"/>
      </rPr>
      <t>: a copy of the Department of Environment's map of IBRA regions, current as of November 2015.</t>
    </r>
  </si>
</sst>
</file>

<file path=xl/styles.xml><?xml version="1.0" encoding="utf-8"?>
<styleSheet xmlns="http://schemas.openxmlformats.org/spreadsheetml/2006/main" xmlns:mc="http://schemas.openxmlformats.org/markup-compatibility/2006" xmlns:x14ac="http://schemas.microsoft.com/office/spreadsheetml/2009/9/ac" mc:Ignorable="x14ac">
  <fonts count="24" x14ac:knownFonts="1">
    <font>
      <sz val="11"/>
      <color theme="1"/>
      <name val="Calibri"/>
      <family val="2"/>
      <scheme val="minor"/>
    </font>
    <font>
      <b/>
      <sz val="11"/>
      <color theme="1"/>
      <name val="Calibri"/>
      <family val="2"/>
      <scheme val="minor"/>
    </font>
    <font>
      <sz val="9"/>
      <color theme="1"/>
      <name val="Calibri"/>
      <family val="2"/>
      <scheme val="minor"/>
    </font>
    <font>
      <u/>
      <sz val="11"/>
      <color theme="10"/>
      <name val="Calibri"/>
      <family val="2"/>
      <scheme val="minor"/>
    </font>
    <font>
      <sz val="10"/>
      <color rgb="FF000000"/>
      <name val="Arial Unicode MS"/>
      <family val="2"/>
    </font>
    <font>
      <sz val="11"/>
      <name val="Calibri"/>
      <family val="2"/>
      <scheme val="minor"/>
    </font>
    <font>
      <b/>
      <sz val="11"/>
      <name val="Calibri"/>
      <family val="2"/>
      <scheme val="minor"/>
    </font>
    <font>
      <b/>
      <i/>
      <sz val="11"/>
      <color theme="1"/>
      <name val="Calibri"/>
      <family val="2"/>
      <scheme val="minor"/>
    </font>
    <font>
      <b/>
      <i/>
      <sz val="11"/>
      <name val="Calibri"/>
      <family val="2"/>
      <scheme val="minor"/>
    </font>
    <font>
      <sz val="10"/>
      <color rgb="FF1E1B1D"/>
      <name val="Calibri"/>
      <family val="2"/>
      <scheme val="minor"/>
    </font>
    <font>
      <sz val="10"/>
      <color rgb="FF4B4842"/>
      <name val="Calibri"/>
      <family val="2"/>
      <scheme val="minor"/>
    </font>
    <font>
      <sz val="10"/>
      <color theme="1"/>
      <name val="Calibri"/>
      <family val="2"/>
      <scheme val="minor"/>
    </font>
    <font>
      <sz val="10"/>
      <color rgb="FF333333"/>
      <name val="Calibri"/>
      <family val="2"/>
      <scheme val="minor"/>
    </font>
    <font>
      <i/>
      <sz val="10"/>
      <color rgb="FF333333"/>
      <name val="Calibri"/>
      <family val="2"/>
      <scheme val="minor"/>
    </font>
    <font>
      <sz val="10"/>
      <color rgb="FF000000"/>
      <name val="Calibri"/>
      <family val="2"/>
      <scheme val="minor"/>
    </font>
    <font>
      <i/>
      <sz val="10"/>
      <color theme="1"/>
      <name val="Calibri"/>
      <family val="2"/>
      <scheme val="minor"/>
    </font>
    <font>
      <b/>
      <sz val="14"/>
      <color theme="1"/>
      <name val="Calibri"/>
      <family val="2"/>
      <scheme val="minor"/>
    </font>
    <font>
      <sz val="11"/>
      <color rgb="FF5E5E5E"/>
      <name val="Calibri"/>
      <family val="2"/>
      <scheme val="minor"/>
    </font>
    <font>
      <sz val="11"/>
      <color rgb="FF000000"/>
      <name val="Arial"/>
      <family val="2"/>
    </font>
    <font>
      <i/>
      <sz val="11"/>
      <color theme="1"/>
      <name val="Calibri"/>
      <family val="2"/>
      <scheme val="minor"/>
    </font>
    <font>
      <b/>
      <sz val="10"/>
      <color rgb="FF333333"/>
      <name val="Calibri"/>
      <family val="2"/>
      <scheme val="minor"/>
    </font>
    <font>
      <b/>
      <sz val="10"/>
      <color rgb="FF4B4842"/>
      <name val="Calibri"/>
      <family val="2"/>
      <scheme val="minor"/>
    </font>
    <font>
      <sz val="11"/>
      <color rgb="FF000000"/>
      <name val="Calibri"/>
      <family val="2"/>
      <scheme val="minor"/>
    </font>
    <font>
      <b/>
      <i/>
      <sz val="11"/>
      <color theme="3"/>
      <name val="Calibri"/>
      <family val="2"/>
      <scheme val="minor"/>
    </font>
  </fonts>
  <fills count="9">
    <fill>
      <patternFill patternType="none"/>
    </fill>
    <fill>
      <patternFill patternType="gray125"/>
    </fill>
    <fill>
      <patternFill patternType="solid">
        <fgColor theme="6" tint="0.79998168889431442"/>
        <bgColor indexed="64"/>
      </patternFill>
    </fill>
    <fill>
      <patternFill patternType="solid">
        <fgColor theme="9" tint="0.79998168889431442"/>
        <bgColor indexed="64"/>
      </patternFill>
    </fill>
    <fill>
      <patternFill patternType="solid">
        <fgColor theme="4" tint="0.79998168889431442"/>
        <bgColor indexed="64"/>
      </patternFill>
    </fill>
    <fill>
      <patternFill patternType="solid">
        <fgColor theme="7" tint="0.79998168889431442"/>
        <bgColor indexed="64"/>
      </patternFill>
    </fill>
    <fill>
      <patternFill patternType="solid">
        <fgColor theme="9" tint="0.39997558519241921"/>
        <bgColor indexed="64"/>
      </patternFill>
    </fill>
    <fill>
      <patternFill patternType="solid">
        <fgColor theme="0" tint="-0.14999847407452621"/>
        <bgColor indexed="64"/>
      </patternFill>
    </fill>
    <fill>
      <patternFill patternType="solid">
        <fgColor theme="6"/>
        <bgColor indexed="64"/>
      </patternFill>
    </fill>
  </fills>
  <borders count="8">
    <border>
      <left/>
      <right/>
      <top/>
      <bottom/>
      <diagonal/>
    </border>
    <border>
      <left style="thin">
        <color indexed="64"/>
      </left>
      <right style="thin">
        <color indexed="64"/>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style="thin">
        <color indexed="64"/>
      </left>
      <right style="thin">
        <color indexed="64"/>
      </right>
      <top/>
      <bottom style="thin">
        <color indexed="64"/>
      </bottom>
      <diagonal/>
    </border>
    <border>
      <left/>
      <right style="thin">
        <color indexed="64"/>
      </right>
      <top/>
      <bottom/>
      <diagonal/>
    </border>
    <border>
      <left/>
      <right style="thin">
        <color indexed="64"/>
      </right>
      <top style="thin">
        <color indexed="64"/>
      </top>
      <bottom/>
      <diagonal/>
    </border>
  </borders>
  <cellStyleXfs count="2">
    <xf numFmtId="0" fontId="0" fillId="0" borderId="0"/>
    <xf numFmtId="0" fontId="3" fillId="0" borderId="0" applyNumberFormat="0" applyFill="0" applyBorder="0" applyAlignment="0" applyProtection="0"/>
  </cellStyleXfs>
  <cellXfs count="83">
    <xf numFmtId="0" fontId="0" fillId="0" borderId="0" xfId="0"/>
    <xf numFmtId="0" fontId="1" fillId="2" borderId="2" xfId="0" applyFont="1" applyFill="1" applyBorder="1"/>
    <xf numFmtId="0" fontId="1" fillId="3" borderId="2" xfId="0" applyFont="1" applyFill="1" applyBorder="1"/>
    <xf numFmtId="0" fontId="1" fillId="4" borderId="2" xfId="0" applyFont="1" applyFill="1" applyBorder="1"/>
    <xf numFmtId="0" fontId="1" fillId="5" borderId="2" xfId="0" applyFont="1" applyFill="1" applyBorder="1"/>
    <xf numFmtId="0" fontId="1" fillId="0" borderId="0" xfId="0" applyFont="1" applyAlignment="1">
      <alignment wrapText="1"/>
    </xf>
    <xf numFmtId="0" fontId="2" fillId="0" borderId="0" xfId="0" applyFont="1" applyAlignment="1">
      <alignment wrapText="1"/>
    </xf>
    <xf numFmtId="0" fontId="0" fillId="0" borderId="0" xfId="0" applyAlignment="1">
      <alignment wrapText="1"/>
    </xf>
    <xf numFmtId="0" fontId="1" fillId="0" borderId="0" xfId="0" applyFont="1"/>
    <xf numFmtId="0" fontId="0" fillId="0" borderId="0" xfId="0" applyFont="1"/>
    <xf numFmtId="0" fontId="0" fillId="2" borderId="3" xfId="0" applyFill="1" applyBorder="1" applyAlignment="1">
      <alignment wrapText="1"/>
    </xf>
    <xf numFmtId="0" fontId="0" fillId="2" borderId="2" xfId="0" applyFill="1" applyBorder="1"/>
    <xf numFmtId="0" fontId="0" fillId="2" borderId="1" xfId="0" applyFill="1" applyBorder="1" applyAlignment="1">
      <alignment wrapText="1"/>
    </xf>
    <xf numFmtId="0" fontId="0" fillId="2" borderId="1" xfId="0" applyFill="1" applyBorder="1"/>
    <xf numFmtId="0" fontId="0" fillId="2" borderId="4" xfId="0" applyFill="1" applyBorder="1" applyAlignment="1">
      <alignment wrapText="1"/>
    </xf>
    <xf numFmtId="0" fontId="0" fillId="3" borderId="3" xfId="0" applyFill="1" applyBorder="1" applyAlignment="1">
      <alignment wrapText="1"/>
    </xf>
    <xf numFmtId="0" fontId="0" fillId="3" borderId="2" xfId="0" applyFill="1" applyBorder="1"/>
    <xf numFmtId="0" fontId="0" fillId="3" borderId="1" xfId="0" applyFill="1" applyBorder="1" applyAlignment="1">
      <alignment wrapText="1"/>
    </xf>
    <xf numFmtId="0" fontId="0" fillId="3" borderId="1" xfId="0" applyFill="1" applyBorder="1"/>
    <xf numFmtId="0" fontId="0" fillId="3" borderId="4" xfId="0" applyFill="1" applyBorder="1" applyAlignment="1">
      <alignment wrapText="1"/>
    </xf>
    <xf numFmtId="0" fontId="0" fillId="4" borderId="3" xfId="0" applyFill="1" applyBorder="1" applyAlignment="1">
      <alignment wrapText="1"/>
    </xf>
    <xf numFmtId="0" fontId="0" fillId="4" borderId="2" xfId="0" applyFill="1" applyBorder="1"/>
    <xf numFmtId="0" fontId="0" fillId="4" borderId="1" xfId="0" applyFill="1" applyBorder="1" applyAlignment="1">
      <alignment wrapText="1"/>
    </xf>
    <xf numFmtId="0" fontId="0" fillId="4" borderId="1" xfId="0" applyFill="1" applyBorder="1"/>
    <xf numFmtId="0" fontId="0" fillId="4" borderId="4" xfId="0" applyFill="1" applyBorder="1" applyAlignment="1">
      <alignment wrapText="1"/>
    </xf>
    <xf numFmtId="0" fontId="0" fillId="5" borderId="3" xfId="0" applyFill="1" applyBorder="1" applyAlignment="1">
      <alignment wrapText="1"/>
    </xf>
    <xf numFmtId="0" fontId="0" fillId="5" borderId="2" xfId="0" applyFill="1" applyBorder="1"/>
    <xf numFmtId="0" fontId="0" fillId="5" borderId="1" xfId="0" applyFill="1" applyBorder="1" applyAlignment="1">
      <alignment wrapText="1"/>
    </xf>
    <xf numFmtId="0" fontId="0" fillId="5" borderId="1" xfId="0" applyFill="1" applyBorder="1"/>
    <xf numFmtId="0" fontId="0" fillId="5" borderId="4" xfId="0" applyFill="1" applyBorder="1" applyAlignment="1">
      <alignment wrapText="1"/>
    </xf>
    <xf numFmtId="0" fontId="0" fillId="5" borderId="5" xfId="0" applyFill="1" applyBorder="1" applyAlignment="1">
      <alignment wrapText="1"/>
    </xf>
    <xf numFmtId="0" fontId="0" fillId="0" borderId="0" xfId="0" applyFill="1" applyBorder="1"/>
    <xf numFmtId="0" fontId="3" fillId="0" borderId="0" xfId="1" applyAlignment="1">
      <alignment wrapText="1"/>
    </xf>
    <xf numFmtId="0" fontId="4" fillId="0" borderId="0" xfId="0" applyFont="1" applyAlignment="1">
      <alignment vertical="center"/>
    </xf>
    <xf numFmtId="0" fontId="0" fillId="3" borderId="0" xfId="0" applyFont="1" applyFill="1"/>
    <xf numFmtId="0" fontId="1" fillId="6" borderId="6" xfId="0" applyFont="1" applyFill="1" applyBorder="1"/>
    <xf numFmtId="0" fontId="6" fillId="2" borderId="2" xfId="0" applyFont="1" applyFill="1" applyBorder="1"/>
    <xf numFmtId="0" fontId="7" fillId="0" borderId="1" xfId="0" applyFont="1" applyFill="1" applyBorder="1" applyAlignment="1">
      <alignment vertical="top" wrapText="1"/>
    </xf>
    <xf numFmtId="0" fontId="0" fillId="0" borderId="0" xfId="0" applyFont="1" applyFill="1" applyAlignment="1">
      <alignment vertical="top"/>
    </xf>
    <xf numFmtId="0" fontId="5" fillId="3" borderId="0" xfId="0" applyFont="1" applyFill="1" applyAlignment="1">
      <alignment wrapText="1"/>
    </xf>
    <xf numFmtId="0" fontId="5" fillId="3" borderId="1" xfId="0" applyFont="1" applyFill="1" applyBorder="1" applyAlignment="1">
      <alignment wrapText="1"/>
    </xf>
    <xf numFmtId="0" fontId="0" fillId="2" borderId="3" xfId="0" applyFill="1" applyBorder="1" applyAlignment="1"/>
    <xf numFmtId="0" fontId="7" fillId="0" borderId="5" xfId="0" applyFont="1" applyFill="1" applyBorder="1" applyAlignment="1">
      <alignment vertical="top" wrapText="1"/>
    </xf>
    <xf numFmtId="0" fontId="8" fillId="0" borderId="1" xfId="0" applyFont="1" applyFill="1" applyBorder="1" applyAlignment="1">
      <alignment vertical="top" wrapText="1"/>
    </xf>
    <xf numFmtId="0" fontId="11" fillId="0" borderId="0" xfId="0" applyFont="1"/>
    <xf numFmtId="0" fontId="12" fillId="7" borderId="1" xfId="0" applyFont="1" applyFill="1" applyBorder="1" applyAlignment="1">
      <alignment vertical="top" wrapText="1"/>
    </xf>
    <xf numFmtId="0" fontId="11" fillId="7" borderId="1" xfId="0" applyFont="1" applyFill="1" applyBorder="1" applyAlignment="1">
      <alignment vertical="top"/>
    </xf>
    <xf numFmtId="0" fontId="11" fillId="7" borderId="1" xfId="0" applyFont="1" applyFill="1" applyBorder="1" applyAlignment="1">
      <alignment vertical="top" wrapText="1"/>
    </xf>
    <xf numFmtId="0" fontId="11" fillId="7" borderId="1" xfId="0" applyFont="1" applyFill="1" applyBorder="1" applyAlignment="1">
      <alignment horizontal="left" vertical="top" wrapText="1"/>
    </xf>
    <xf numFmtId="0" fontId="11" fillId="0" borderId="0" xfId="0" applyFont="1" applyAlignment="1">
      <alignment vertical="top"/>
    </xf>
    <xf numFmtId="0" fontId="10" fillId="7" borderId="1" xfId="0" applyFont="1" applyFill="1" applyBorder="1" applyAlignment="1">
      <alignment vertical="top" wrapText="1"/>
    </xf>
    <xf numFmtId="0" fontId="9" fillId="7" borderId="1" xfId="0" applyFont="1" applyFill="1" applyBorder="1" applyAlignment="1">
      <alignment vertical="top" wrapText="1"/>
    </xf>
    <xf numFmtId="0" fontId="14" fillId="7" borderId="1" xfId="0" applyFont="1" applyFill="1" applyBorder="1" applyAlignment="1">
      <alignment horizontal="left" vertical="top" wrapText="1"/>
    </xf>
    <xf numFmtId="0" fontId="3" fillId="0" borderId="0" xfId="1"/>
    <xf numFmtId="0" fontId="11" fillId="0" borderId="0" xfId="0" applyFont="1" applyAlignment="1">
      <alignment vertical="center"/>
    </xf>
    <xf numFmtId="0" fontId="15" fillId="0" borderId="0" xfId="0" applyFont="1" applyAlignment="1">
      <alignment vertical="center"/>
    </xf>
    <xf numFmtId="0" fontId="16" fillId="0" borderId="0" xfId="0" applyFont="1"/>
    <xf numFmtId="0" fontId="17" fillId="0" borderId="0" xfId="0" applyFont="1"/>
    <xf numFmtId="0" fontId="18" fillId="0" borderId="0" xfId="0" applyFont="1"/>
    <xf numFmtId="0" fontId="11" fillId="7" borderId="0" xfId="0" applyFont="1" applyFill="1" applyAlignment="1">
      <alignment vertical="top" wrapText="1"/>
    </xf>
    <xf numFmtId="14" fontId="11" fillId="7" borderId="1" xfId="0" applyNumberFormat="1" applyFont="1" applyFill="1" applyBorder="1" applyAlignment="1">
      <alignment horizontal="left" vertical="top" wrapText="1"/>
    </xf>
    <xf numFmtId="0" fontId="2" fillId="7" borderId="1" xfId="0" applyFont="1" applyFill="1" applyBorder="1" applyAlignment="1">
      <alignment vertical="top" wrapText="1"/>
    </xf>
    <xf numFmtId="0" fontId="11" fillId="0" borderId="0" xfId="0" applyFont="1" applyFill="1" applyBorder="1" applyAlignment="1">
      <alignment vertical="top" wrapText="1"/>
    </xf>
    <xf numFmtId="0" fontId="2" fillId="0" borderId="0" xfId="0" applyFont="1" applyFill="1" applyBorder="1" applyAlignment="1">
      <alignment wrapText="1"/>
    </xf>
    <xf numFmtId="0" fontId="2" fillId="0" borderId="0" xfId="0" applyFont="1" applyBorder="1" applyAlignment="1">
      <alignment wrapText="1"/>
    </xf>
    <xf numFmtId="0" fontId="11" fillId="0" borderId="0" xfId="0" applyFont="1" applyFill="1" applyBorder="1" applyAlignment="1">
      <alignment vertical="top"/>
    </xf>
    <xf numFmtId="0" fontId="0" fillId="0" borderId="0" xfId="0" applyBorder="1"/>
    <xf numFmtId="0" fontId="1" fillId="0" borderId="0" xfId="0" applyFont="1" applyFill="1" applyBorder="1"/>
    <xf numFmtId="0" fontId="0" fillId="0" borderId="0" xfId="0" applyFont="1" applyFill="1" applyBorder="1"/>
    <xf numFmtId="0" fontId="22" fillId="0" borderId="0" xfId="0" applyFont="1" applyFill="1" applyBorder="1" applyAlignment="1">
      <alignment vertical="top" wrapText="1"/>
    </xf>
    <xf numFmtId="0" fontId="0" fillId="0" borderId="0" xfId="0" applyFont="1" applyAlignment="1">
      <alignment wrapText="1"/>
    </xf>
    <xf numFmtId="0" fontId="1" fillId="8" borderId="0" xfId="0" applyFont="1" applyFill="1" applyAlignment="1">
      <alignment wrapText="1"/>
    </xf>
    <xf numFmtId="0" fontId="1" fillId="8" borderId="0" xfId="0" applyFont="1" applyFill="1"/>
    <xf numFmtId="0" fontId="3" fillId="4" borderId="2" xfId="1" applyFill="1" applyBorder="1"/>
    <xf numFmtId="0" fontId="3" fillId="3" borderId="2" xfId="1" applyFill="1" applyBorder="1"/>
    <xf numFmtId="0" fontId="0" fillId="8" borderId="0" xfId="0" applyFill="1" applyAlignment="1">
      <alignment wrapText="1"/>
    </xf>
    <xf numFmtId="0" fontId="1" fillId="8" borderId="0" xfId="0" applyFont="1" applyFill="1" applyBorder="1" applyAlignment="1">
      <alignment wrapText="1"/>
    </xf>
    <xf numFmtId="0" fontId="1" fillId="8" borderId="3" xfId="0" applyFont="1" applyFill="1" applyBorder="1" applyAlignment="1">
      <alignment wrapText="1"/>
    </xf>
    <xf numFmtId="0" fontId="1" fillId="8" borderId="1" xfId="0" applyFont="1" applyFill="1" applyBorder="1"/>
    <xf numFmtId="0" fontId="1" fillId="8" borderId="1" xfId="0" applyFont="1" applyFill="1" applyBorder="1" applyAlignment="1">
      <alignment wrapText="1"/>
    </xf>
    <xf numFmtId="0" fontId="0" fillId="5" borderId="6" xfId="0" applyFill="1" applyBorder="1" applyAlignment="1">
      <alignment wrapText="1"/>
    </xf>
    <xf numFmtId="0" fontId="0" fillId="2" borderId="7" xfId="0" applyFill="1" applyBorder="1" applyAlignment="1"/>
    <xf numFmtId="0" fontId="1" fillId="5" borderId="6" xfId="0" applyFont="1" applyFill="1" applyBorder="1"/>
  </cellXfs>
  <cellStyles count="2">
    <cellStyle name="Hyperlink" xfId="1" builtinId="8"/>
    <cellStyle name="Normal" xfId="0" builtinId="0"/>
  </cellStyles>
  <dxfs count="0"/>
  <tableStyles count="0" defaultTableStyle="TableStyleMedium2" defaultPivotStyle="PivotStyleLight16"/>
  <colors>
    <mruColors>
      <color rgb="FF4F6228"/>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3" Type="http://schemas.openxmlformats.org/officeDocument/2006/relationships/worksheet" Target="worksheets/sheet3.xml"/><Relationship Id="rId7" Type="http://schemas.openxmlformats.org/officeDocument/2006/relationships/worksheet" Target="worksheets/sheet7.xml"/><Relationship Id="rId12" Type="http://schemas.openxmlformats.org/officeDocument/2006/relationships/sharedStrings" Target="sharedStrings.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styles" Target="styles.xml"/><Relationship Id="rId5" Type="http://schemas.openxmlformats.org/officeDocument/2006/relationships/worksheet" Target="worksheets/sheet5.xml"/><Relationship Id="rId10" Type="http://schemas.openxmlformats.org/officeDocument/2006/relationships/connections" Target="connections.xml"/><Relationship Id="rId4" Type="http://schemas.openxmlformats.org/officeDocument/2006/relationships/worksheet" Target="worksheets/sheet4.xml"/><Relationship Id="rId9" Type="http://schemas.openxmlformats.org/officeDocument/2006/relationships/theme" Target="theme/theme1.xml"/></Relationships>
</file>

<file path=xl/drawings/_rels/drawing1.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hyperlink" Target="http://creativecommons.org/licenses/by/4.0/" TargetMode="External"/></Relationships>
</file>

<file path=xl/drawings/_rels/drawing2.xml.rels><?xml version="1.0" encoding="UTF-8" standalone="yes"?>
<Relationships xmlns="http://schemas.openxmlformats.org/package/2006/relationships"><Relationship Id="rId1" Type="http://schemas.openxmlformats.org/officeDocument/2006/relationships/hyperlink" Target="http://www.ipcc.ch/pdf/assessment-report/ar4/syr/ar4_syr_appendix.pdf" TargetMode="External"/></Relationships>
</file>

<file path=xl/drawings/_rels/drawing3.xml.rels><?xml version="1.0" encoding="UTF-8" standalone="yes"?>
<Relationships xmlns="http://schemas.openxmlformats.org/package/2006/relationships"><Relationship Id="rId1" Type="http://schemas.openxmlformats.org/officeDocument/2006/relationships/image" Target="../media/image2.png"/></Relationships>
</file>

<file path=xl/drawings/drawing1.xml><?xml version="1.0" encoding="utf-8"?>
<xdr:wsDr xmlns:xdr="http://schemas.openxmlformats.org/drawingml/2006/spreadsheetDrawing" xmlns:a="http://schemas.openxmlformats.org/drawingml/2006/main">
  <xdr:twoCellAnchor>
    <xdr:from>
      <xdr:col>0</xdr:col>
      <xdr:colOff>57150</xdr:colOff>
      <xdr:row>16</xdr:row>
      <xdr:rowOff>76200</xdr:rowOff>
    </xdr:from>
    <xdr:to>
      <xdr:col>1</xdr:col>
      <xdr:colOff>354330</xdr:colOff>
      <xdr:row>16</xdr:row>
      <xdr:rowOff>400050</xdr:rowOff>
    </xdr:to>
    <xdr:pic>
      <xdr:nvPicPr>
        <xdr:cNvPr id="3" name="Picture 12">
          <a:hlinkClick xmlns:r="http://schemas.openxmlformats.org/officeDocument/2006/relationships" r:id="rId1"/>
        </xdr:cNvPr>
        <xdr:cNvPicPr>
          <a:picLocks noChangeAspect="1" noChangeArrowheads="1"/>
        </xdr:cNvPicPr>
      </xdr:nvPicPr>
      <xdr:blipFill>
        <a:blip xmlns:r="http://schemas.openxmlformats.org/officeDocument/2006/relationships" r:embed="rId2">
          <a:extLst>
            <a:ext uri="{28A0092B-C50C-407E-A947-70E740481C1C}">
              <a14:useLocalDpi xmlns:a14="http://schemas.microsoft.com/office/drawing/2010/main" val="0"/>
            </a:ext>
          </a:extLst>
        </a:blip>
        <a:srcRect/>
        <a:stretch>
          <a:fillRect/>
        </a:stretch>
      </xdr:blipFill>
      <xdr:spPr bwMode="auto">
        <a:xfrm>
          <a:off x="57150" y="3124200"/>
          <a:ext cx="906780" cy="323850"/>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wsDr>
</file>

<file path=xl/drawings/drawing2.xml><?xml version="1.0" encoding="utf-8"?>
<xdr:wsDr xmlns:xdr="http://schemas.openxmlformats.org/drawingml/2006/spreadsheetDrawing" xmlns:a="http://schemas.openxmlformats.org/drawingml/2006/main">
  <xdr:twoCellAnchor>
    <xdr:from>
      <xdr:col>8</xdr:col>
      <xdr:colOff>2486025</xdr:colOff>
      <xdr:row>1</xdr:row>
      <xdr:rowOff>419100</xdr:rowOff>
    </xdr:from>
    <xdr:to>
      <xdr:col>8</xdr:col>
      <xdr:colOff>3257550</xdr:colOff>
      <xdr:row>1</xdr:row>
      <xdr:rowOff>561975</xdr:rowOff>
    </xdr:to>
    <xdr:sp macro="" textlink="">
      <xdr:nvSpPr>
        <xdr:cNvPr id="4" name="Rectangle 3">
          <a:hlinkClick xmlns:r="http://schemas.openxmlformats.org/officeDocument/2006/relationships" r:id="rId1"/>
        </xdr:cNvPr>
        <xdr:cNvSpPr/>
      </xdr:nvSpPr>
      <xdr:spPr>
        <a:xfrm>
          <a:off x="5543550" y="3657600"/>
          <a:ext cx="771525" cy="142875"/>
        </a:xfrm>
        <a:prstGeom prst="rect">
          <a:avLst/>
        </a:prstGeom>
        <a:noFill/>
        <a:ln>
          <a:no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lang="en-AU" sz="1100"/>
        </a:p>
      </xdr:txBody>
    </xdr:sp>
    <xdr:clientData/>
  </xdr:twoCellAnchor>
</xdr:wsDr>
</file>

<file path=xl/drawings/drawing3.xml><?xml version="1.0" encoding="utf-8"?>
<xdr:wsDr xmlns:xdr="http://schemas.openxmlformats.org/drawingml/2006/spreadsheetDrawing" xmlns:a="http://schemas.openxmlformats.org/drawingml/2006/main">
  <xdr:twoCellAnchor editAs="oneCell">
    <xdr:from>
      <xdr:col>0</xdr:col>
      <xdr:colOff>22860</xdr:colOff>
      <xdr:row>1</xdr:row>
      <xdr:rowOff>160020</xdr:rowOff>
    </xdr:from>
    <xdr:to>
      <xdr:col>23</xdr:col>
      <xdr:colOff>173488</xdr:colOff>
      <xdr:row>56</xdr:row>
      <xdr:rowOff>63525</xdr:rowOff>
    </xdr:to>
    <xdr:pic>
      <xdr:nvPicPr>
        <xdr:cNvPr id="3" name="Picture 2"/>
        <xdr:cNvPicPr>
          <a:picLocks noChangeAspect="1"/>
        </xdr:cNvPicPr>
      </xdr:nvPicPr>
      <xdr:blipFill>
        <a:blip xmlns:r="http://schemas.openxmlformats.org/officeDocument/2006/relationships" r:embed="rId1"/>
        <a:stretch>
          <a:fillRect/>
        </a:stretch>
      </xdr:blipFill>
      <xdr:spPr>
        <a:xfrm>
          <a:off x="22860" y="342900"/>
          <a:ext cx="14171428" cy="9961905"/>
        </a:xfrm>
        <a:prstGeom prst="rect">
          <a:avLst/>
        </a:prstGeom>
      </xdr:spPr>
    </xdr:pic>
    <xdr:clientData/>
  </xdr:twoCellAnchor>
</xdr:wsDr>
</file>

<file path=xl/queryTables/queryTable1.xml><?xml version="1.0" encoding="utf-8"?>
<queryTable xmlns="http://schemas.openxmlformats.org/spreadsheetml/2006/main" name="terranova_regions (1)" connectionId="1" autoFormatId="16" applyNumberFormats="0" applyBorderFormats="0" applyFontFormats="1" applyPatternFormats="1" applyAlignmentFormats="0" applyWidthHeightFormats="0"/>
</file>

<file path=xl/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3" Type="http://schemas.openxmlformats.org/officeDocument/2006/relationships/printerSettings" Target="../printerSettings/printerSettings1.bin"/><Relationship Id="rId2" Type="http://schemas.openxmlformats.org/officeDocument/2006/relationships/hyperlink" Target="http://creativecommons.org/licenses/by/4.0/" TargetMode="External"/><Relationship Id="rId1" Type="http://schemas.openxmlformats.org/officeDocument/2006/relationships/hyperlink" Target="http://www.terranova.org.au/" TargetMode="External"/><Relationship Id="rId4" Type="http://schemas.openxmlformats.org/officeDocument/2006/relationships/drawing" Target="../drawings/drawing1.xml"/></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3.bin"/></Relationships>
</file>

<file path=xl/worksheets/_rels/sheet5.xml.rels><?xml version="1.0" encoding="UTF-8" standalone="yes"?>
<Relationships xmlns="http://schemas.openxmlformats.org/package/2006/relationships"><Relationship Id="rId2" Type="http://schemas.openxmlformats.org/officeDocument/2006/relationships/queryTable" Target="../queryTables/queryTable1.xml"/><Relationship Id="rId1" Type="http://schemas.openxmlformats.org/officeDocument/2006/relationships/printerSettings" Target="../printerSettings/printerSettings4.bin"/></Relationships>
</file>

<file path=xl/worksheets/_rels/sheet6.xml.rels><?xml version="1.0" encoding="UTF-8" standalone="yes"?>
<Relationships xmlns="http://schemas.openxmlformats.org/package/2006/relationships"><Relationship Id="rId1" Type="http://schemas.openxmlformats.org/officeDocument/2006/relationships/drawing" Target="../drawings/drawing3.xml"/></Relationships>
</file>

<file path=xl/worksheets/_rels/sheet7.xml.rels><?xml version="1.0" encoding="UTF-8" standalone="yes"?>
<Relationships xmlns="http://schemas.openxmlformats.org/package/2006/relationships"><Relationship Id="rId3" Type="http://schemas.openxmlformats.org/officeDocument/2006/relationships/hyperlink" Target="http://www.ipcc.ch/pdf/assessment-report/ar4/syr/ar4_syr_appendix.pdf" TargetMode="External"/><Relationship Id="rId2" Type="http://schemas.openxmlformats.org/officeDocument/2006/relationships/hyperlink" Target="http://www.epa.gov/climatechange/glossary.html" TargetMode="External"/><Relationship Id="rId1" Type="http://schemas.openxmlformats.org/officeDocument/2006/relationships/hyperlink" Target="http://www.eionet.europa.eu/gemet/search?langcode=en" TargetMode="External"/><Relationship Id="rId4" Type="http://schemas.openxmlformats.org/officeDocument/2006/relationships/printerSettings" Target="../printerSettings/printerSettings5.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E19"/>
  <sheetViews>
    <sheetView tabSelected="1" workbookViewId="0">
      <selection activeCell="A13" sqref="A13"/>
    </sheetView>
  </sheetViews>
  <sheetFormatPr defaultRowHeight="14.4" x14ac:dyDescent="0.3"/>
  <sheetData>
    <row r="1" spans="1:5" ht="29.25" customHeight="1" x14ac:dyDescent="0.35">
      <c r="A1" s="56" t="s">
        <v>595</v>
      </c>
    </row>
    <row r="2" spans="1:5" ht="24.75" customHeight="1" x14ac:dyDescent="0.3">
      <c r="A2" s="8" t="s">
        <v>484</v>
      </c>
    </row>
    <row r="3" spans="1:5" ht="25.5" customHeight="1" x14ac:dyDescent="0.3">
      <c r="A3" s="53" t="s">
        <v>485</v>
      </c>
    </row>
    <row r="5" spans="1:5" ht="22.5" customHeight="1" x14ac:dyDescent="0.3">
      <c r="A5" t="s">
        <v>487</v>
      </c>
    </row>
    <row r="6" spans="1:5" ht="22.5" customHeight="1" x14ac:dyDescent="0.3">
      <c r="A6" t="s">
        <v>590</v>
      </c>
    </row>
    <row r="7" spans="1:5" ht="22.5" customHeight="1" x14ac:dyDescent="0.3">
      <c r="A7" t="s">
        <v>489</v>
      </c>
    </row>
    <row r="8" spans="1:5" ht="22.5" customHeight="1" x14ac:dyDescent="0.3">
      <c r="A8" t="s">
        <v>490</v>
      </c>
    </row>
    <row r="9" spans="1:5" ht="22.5" customHeight="1" x14ac:dyDescent="0.3">
      <c r="A9" t="s">
        <v>565</v>
      </c>
    </row>
    <row r="10" spans="1:5" ht="22.5" customHeight="1" x14ac:dyDescent="0.3">
      <c r="A10" t="s">
        <v>563</v>
      </c>
    </row>
    <row r="11" spans="1:5" ht="22.5" customHeight="1" x14ac:dyDescent="0.3">
      <c r="A11" t="s">
        <v>601</v>
      </c>
    </row>
    <row r="12" spans="1:5" ht="22.5" customHeight="1" x14ac:dyDescent="0.3">
      <c r="A12" t="s">
        <v>564</v>
      </c>
    </row>
    <row r="13" spans="1:5" ht="22.5" customHeight="1" x14ac:dyDescent="0.3">
      <c r="A13" t="s">
        <v>591</v>
      </c>
    </row>
    <row r="15" spans="1:5" x14ac:dyDescent="0.3">
      <c r="A15" s="54" t="s">
        <v>488</v>
      </c>
      <c r="B15" s="44"/>
      <c r="C15" s="44"/>
      <c r="D15" s="44"/>
      <c r="E15" s="44"/>
    </row>
    <row r="16" spans="1:5" x14ac:dyDescent="0.3">
      <c r="A16" s="54" t="s">
        <v>600</v>
      </c>
      <c r="B16" s="44"/>
      <c r="C16" s="44"/>
      <c r="D16" s="44"/>
      <c r="E16" s="44"/>
    </row>
    <row r="17" spans="1:5" ht="32.25" customHeight="1" x14ac:dyDescent="0.3">
      <c r="A17" s="54"/>
      <c r="B17" s="44"/>
      <c r="C17" s="44"/>
      <c r="D17" s="44"/>
      <c r="E17" s="44"/>
    </row>
    <row r="18" spans="1:5" ht="25.5" customHeight="1" x14ac:dyDescent="0.3">
      <c r="A18" s="55" t="s">
        <v>528</v>
      </c>
      <c r="B18" s="44"/>
      <c r="C18" s="44"/>
      <c r="D18" s="44"/>
      <c r="E18" s="44"/>
    </row>
    <row r="19" spans="1:5" x14ac:dyDescent="0.3">
      <c r="A19" s="53" t="s">
        <v>529</v>
      </c>
      <c r="B19" s="44"/>
      <c r="C19" s="44"/>
      <c r="D19" s="44"/>
      <c r="E19" s="44"/>
    </row>
  </sheetData>
  <hyperlinks>
    <hyperlink ref="A3" r:id="rId1"/>
    <hyperlink ref="A19" r:id="rId2"/>
  </hyperlinks>
  <pageMargins left="0.7" right="0.7" top="0.75" bottom="0.75" header="0.3" footer="0.3"/>
  <pageSetup paperSize="9" orientation="portrait" r:id="rId3"/>
  <drawing r:id="rId4"/>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I24"/>
  <sheetViews>
    <sheetView workbookViewId="0">
      <selection activeCell="B11" sqref="B11"/>
    </sheetView>
  </sheetViews>
  <sheetFormatPr defaultRowHeight="14.4" x14ac:dyDescent="0.3"/>
  <cols>
    <col min="1" max="1" width="25.88671875" style="7" customWidth="1"/>
    <col min="2" max="2" width="27.33203125" customWidth="1"/>
    <col min="3" max="3" width="60.109375" style="7" customWidth="1"/>
    <col min="4" max="4" width="20.88671875" customWidth="1"/>
    <col min="5" max="5" width="29.44140625" customWidth="1"/>
    <col min="6" max="6" width="23.88671875" customWidth="1"/>
    <col min="7" max="7" width="19.33203125" customWidth="1"/>
    <col min="8" max="8" width="19.6640625" customWidth="1"/>
    <col min="9" max="9" width="30.33203125" customWidth="1"/>
  </cols>
  <sheetData>
    <row r="1" spans="1:9" s="8" customFormat="1" x14ac:dyDescent="0.3">
      <c r="A1" s="77" t="s">
        <v>558</v>
      </c>
      <c r="B1" s="78" t="s">
        <v>559</v>
      </c>
      <c r="C1" s="79" t="s">
        <v>471</v>
      </c>
      <c r="D1" s="78" t="s">
        <v>464</v>
      </c>
    </row>
    <row r="2" spans="1:9" ht="28.8" x14ac:dyDescent="0.3">
      <c r="A2" s="10" t="s">
        <v>23</v>
      </c>
      <c r="B2" s="11" t="s">
        <v>4</v>
      </c>
      <c r="C2" s="12" t="s">
        <v>0</v>
      </c>
      <c r="D2" s="13" t="s">
        <v>465</v>
      </c>
    </row>
    <row r="3" spans="1:9" ht="28.8" x14ac:dyDescent="0.3">
      <c r="A3" s="14"/>
      <c r="B3" s="11" t="s">
        <v>5</v>
      </c>
      <c r="C3" s="12" t="s">
        <v>581</v>
      </c>
      <c r="D3" s="13" t="s">
        <v>466</v>
      </c>
    </row>
    <row r="4" spans="1:9" x14ac:dyDescent="0.3">
      <c r="A4" s="14"/>
      <c r="B4" s="11" t="s">
        <v>6</v>
      </c>
      <c r="C4" s="12" t="s">
        <v>1</v>
      </c>
      <c r="D4" s="13" t="s">
        <v>466</v>
      </c>
    </row>
    <row r="5" spans="1:9" ht="28.8" x14ac:dyDescent="0.3">
      <c r="A5" s="14"/>
      <c r="B5" s="11" t="s">
        <v>7</v>
      </c>
      <c r="C5" s="12" t="s">
        <v>2</v>
      </c>
      <c r="D5" s="13" t="s">
        <v>466</v>
      </c>
    </row>
    <row r="6" spans="1:9" ht="28.8" x14ac:dyDescent="0.3">
      <c r="A6" s="14"/>
      <c r="B6" s="11" t="s">
        <v>8</v>
      </c>
      <c r="C6" s="12" t="s">
        <v>582</v>
      </c>
      <c r="D6" s="13" t="s">
        <v>466</v>
      </c>
    </row>
    <row r="7" spans="1:9" x14ac:dyDescent="0.3">
      <c r="A7" s="14"/>
      <c r="B7" s="41" t="s">
        <v>9</v>
      </c>
      <c r="C7" s="10" t="s">
        <v>501</v>
      </c>
      <c r="D7" s="41" t="s">
        <v>467</v>
      </c>
    </row>
    <row r="8" spans="1:9" ht="43.2" x14ac:dyDescent="0.3">
      <c r="A8" s="14"/>
      <c r="B8" s="81" t="s">
        <v>596</v>
      </c>
      <c r="C8" s="10" t="s">
        <v>597</v>
      </c>
      <c r="D8" s="41" t="s">
        <v>467</v>
      </c>
    </row>
    <row r="9" spans="1:9" ht="28.8" x14ac:dyDescent="0.3">
      <c r="A9" s="15" t="s">
        <v>31</v>
      </c>
      <c r="B9" s="16" t="s">
        <v>498</v>
      </c>
      <c r="C9" s="17" t="s">
        <v>562</v>
      </c>
      <c r="D9" s="17" t="s">
        <v>468</v>
      </c>
    </row>
    <row r="10" spans="1:9" ht="28.8" x14ac:dyDescent="0.3">
      <c r="A10" s="19"/>
      <c r="B10" s="16" t="s">
        <v>10</v>
      </c>
      <c r="C10" s="17" t="s">
        <v>580</v>
      </c>
      <c r="D10" s="18" t="s">
        <v>466</v>
      </c>
    </row>
    <row r="11" spans="1:9" ht="57.6" x14ac:dyDescent="0.3">
      <c r="A11" s="19"/>
      <c r="B11" s="74" t="s">
        <v>11</v>
      </c>
      <c r="C11" s="39" t="s">
        <v>583</v>
      </c>
      <c r="D11" s="18" t="s">
        <v>466</v>
      </c>
    </row>
    <row r="12" spans="1:9" ht="57.6" x14ac:dyDescent="0.3">
      <c r="A12" s="19"/>
      <c r="B12" s="16" t="s">
        <v>12</v>
      </c>
      <c r="C12" s="40" t="s">
        <v>584</v>
      </c>
      <c r="D12" s="18" t="s">
        <v>466</v>
      </c>
      <c r="E12" s="32"/>
      <c r="F12" s="32"/>
      <c r="G12" s="32"/>
      <c r="H12" s="32"/>
      <c r="I12" s="7"/>
    </row>
    <row r="13" spans="1:9" ht="24.75" customHeight="1" x14ac:dyDescent="0.3">
      <c r="A13" s="19"/>
      <c r="B13" s="16" t="s">
        <v>13</v>
      </c>
      <c r="C13" s="34" t="s">
        <v>463</v>
      </c>
      <c r="D13" s="18" t="s">
        <v>467</v>
      </c>
    </row>
    <row r="14" spans="1:9" ht="28.8" x14ac:dyDescent="0.3">
      <c r="A14" s="20" t="s">
        <v>32</v>
      </c>
      <c r="B14" s="21" t="s">
        <v>14</v>
      </c>
      <c r="C14" s="22" t="s">
        <v>34</v>
      </c>
      <c r="D14" s="23" t="s">
        <v>466</v>
      </c>
    </row>
    <row r="15" spans="1:9" ht="43.2" x14ac:dyDescent="0.3">
      <c r="A15" s="24"/>
      <c r="B15" s="21" t="s">
        <v>15</v>
      </c>
      <c r="C15" s="22" t="s">
        <v>585</v>
      </c>
      <c r="D15" s="23" t="s">
        <v>467</v>
      </c>
    </row>
    <row r="16" spans="1:9" ht="43.2" x14ac:dyDescent="0.3">
      <c r="A16" s="24"/>
      <c r="B16" s="73" t="s">
        <v>553</v>
      </c>
      <c r="C16" s="22" t="s">
        <v>586</v>
      </c>
      <c r="D16" s="23" t="s">
        <v>466</v>
      </c>
    </row>
    <row r="17" spans="1:6" ht="57.6" x14ac:dyDescent="0.3">
      <c r="A17" s="24"/>
      <c r="B17" s="73" t="s">
        <v>16</v>
      </c>
      <c r="C17" s="22" t="s">
        <v>587</v>
      </c>
      <c r="D17" s="23" t="s">
        <v>467</v>
      </c>
    </row>
    <row r="18" spans="1:6" ht="43.2" x14ac:dyDescent="0.3">
      <c r="A18" s="24"/>
      <c r="B18" s="21" t="s">
        <v>17</v>
      </c>
      <c r="C18" s="22" t="s">
        <v>502</v>
      </c>
      <c r="D18" s="23" t="s">
        <v>467</v>
      </c>
    </row>
    <row r="19" spans="1:6" ht="43.2" x14ac:dyDescent="0.3">
      <c r="A19" s="25" t="s">
        <v>33</v>
      </c>
      <c r="B19" s="26" t="s">
        <v>18</v>
      </c>
      <c r="C19" s="27" t="s">
        <v>579</v>
      </c>
      <c r="D19" s="28" t="s">
        <v>466</v>
      </c>
    </row>
    <row r="20" spans="1:6" ht="28.8" x14ac:dyDescent="0.3">
      <c r="A20" s="29"/>
      <c r="B20" s="26" t="s">
        <v>19</v>
      </c>
      <c r="C20" s="27" t="s">
        <v>3</v>
      </c>
      <c r="D20" s="28" t="s">
        <v>466</v>
      </c>
      <c r="F20" s="58"/>
    </row>
    <row r="21" spans="1:6" ht="78.75" customHeight="1" x14ac:dyDescent="0.3">
      <c r="A21" s="29"/>
      <c r="B21" s="26" t="s">
        <v>20</v>
      </c>
      <c r="C21" s="27" t="s">
        <v>509</v>
      </c>
      <c r="D21" s="28" t="s">
        <v>466</v>
      </c>
      <c r="F21" s="57"/>
    </row>
    <row r="22" spans="1:6" ht="38.25" customHeight="1" x14ac:dyDescent="0.3">
      <c r="A22" s="80"/>
      <c r="B22" s="26" t="s">
        <v>21</v>
      </c>
      <c r="C22" s="27" t="s">
        <v>589</v>
      </c>
      <c r="D22" s="27" t="s">
        <v>466</v>
      </c>
    </row>
    <row r="23" spans="1:6" ht="43.2" x14ac:dyDescent="0.3">
      <c r="A23" s="80"/>
      <c r="B23" s="26" t="s">
        <v>592</v>
      </c>
      <c r="C23" s="27" t="s">
        <v>598</v>
      </c>
      <c r="D23" s="28" t="s">
        <v>467</v>
      </c>
    </row>
    <row r="24" spans="1:6" ht="28.8" x14ac:dyDescent="0.3">
      <c r="A24" s="30"/>
      <c r="B24" s="28" t="s">
        <v>593</v>
      </c>
      <c r="C24" s="27" t="s">
        <v>594</v>
      </c>
      <c r="D24" s="28" t="s">
        <v>466</v>
      </c>
    </row>
  </sheetData>
  <hyperlinks>
    <hyperlink ref="B16" location="'IBRA and NRM Regions'!A1" display="NRM/LLS Regions"/>
    <hyperlink ref="B11" location="'Thematic tags vocabularies'!A1" display="Thematic Tags"/>
    <hyperlink ref="B17" location="'IBRA Map'!A1" display="Bioregions (IBRA)"/>
  </hyperlinks>
  <pageMargins left="0.7" right="0.7" top="0.75" bottom="0.75" header="0.3" footer="0.3"/>
  <pageSetup paperSize="9" orientation="portrait" r:id="rId1"/>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X109"/>
  <sheetViews>
    <sheetView workbookViewId="0">
      <pane xSplit="1" ySplit="1" topLeftCell="B2" activePane="bottomRight" state="frozenSplit"/>
      <selection pane="topRight" activeCell="B1" sqref="B1"/>
      <selection pane="bottomLeft" activeCell="A3" sqref="A3"/>
      <selection pane="bottomRight" activeCell="B3" sqref="B3"/>
    </sheetView>
  </sheetViews>
  <sheetFormatPr defaultColWidth="32.44140625" defaultRowHeight="84.75" customHeight="1" x14ac:dyDescent="0.3"/>
  <cols>
    <col min="2" max="2" width="35.44140625" customWidth="1"/>
    <col min="3" max="3" width="41.44140625" customWidth="1"/>
    <col min="4" max="4" width="60" customWidth="1"/>
    <col min="6" max="6" width="20" customWidth="1"/>
    <col min="8" max="8" width="34.5546875" customWidth="1"/>
    <col min="18" max="18" width="36.33203125" customWidth="1"/>
    <col min="24" max="24" width="38" customWidth="1"/>
  </cols>
  <sheetData>
    <row r="1" spans="1:24" s="9" customFormat="1" ht="84.75" customHeight="1" x14ac:dyDescent="0.3">
      <c r="A1" s="36" t="s">
        <v>4</v>
      </c>
      <c r="B1" s="36" t="s">
        <v>5</v>
      </c>
      <c r="C1" s="36" t="s">
        <v>6</v>
      </c>
      <c r="D1" s="1" t="s">
        <v>7</v>
      </c>
      <c r="E1" s="1" t="s">
        <v>561</v>
      </c>
      <c r="F1" s="1" t="s">
        <v>9</v>
      </c>
      <c r="G1" s="2" t="s">
        <v>498</v>
      </c>
      <c r="H1" s="74" t="s">
        <v>10</v>
      </c>
      <c r="I1" s="74" t="s">
        <v>11</v>
      </c>
      <c r="J1" s="2" t="s">
        <v>12</v>
      </c>
      <c r="K1" s="2" t="s">
        <v>13</v>
      </c>
      <c r="L1" s="3" t="s">
        <v>14</v>
      </c>
      <c r="M1" s="3" t="s">
        <v>15</v>
      </c>
      <c r="N1" s="73" t="s">
        <v>553</v>
      </c>
      <c r="O1" s="73" t="s">
        <v>16</v>
      </c>
      <c r="P1" s="3" t="s">
        <v>504</v>
      </c>
      <c r="Q1" s="3" t="s">
        <v>503</v>
      </c>
      <c r="R1" s="4" t="s">
        <v>18</v>
      </c>
      <c r="S1" s="4" t="s">
        <v>19</v>
      </c>
      <c r="T1" s="4" t="s">
        <v>20</v>
      </c>
      <c r="U1" s="4" t="s">
        <v>21</v>
      </c>
      <c r="V1" s="82" t="s">
        <v>592</v>
      </c>
      <c r="W1" s="82" t="s">
        <v>593</v>
      </c>
      <c r="X1" s="35" t="s">
        <v>217</v>
      </c>
    </row>
    <row r="2" spans="1:24" s="38" customFormat="1" ht="151.5" customHeight="1" x14ac:dyDescent="0.3">
      <c r="A2" s="37" t="s">
        <v>569</v>
      </c>
      <c r="B2" s="37" t="s">
        <v>574</v>
      </c>
      <c r="C2" s="37" t="s">
        <v>567</v>
      </c>
      <c r="D2" s="37" t="s">
        <v>568</v>
      </c>
      <c r="E2" s="37" t="s">
        <v>570</v>
      </c>
      <c r="F2" s="37" t="s">
        <v>560</v>
      </c>
      <c r="G2" s="37" t="s">
        <v>525</v>
      </c>
      <c r="H2" s="37" t="s">
        <v>571</v>
      </c>
      <c r="I2" s="43" t="s">
        <v>573</v>
      </c>
      <c r="J2" s="43" t="s">
        <v>572</v>
      </c>
      <c r="K2" s="37" t="s">
        <v>463</v>
      </c>
      <c r="L2" s="37" t="s">
        <v>34</v>
      </c>
      <c r="M2" s="37" t="s">
        <v>566</v>
      </c>
      <c r="N2" s="37" t="s">
        <v>575</v>
      </c>
      <c r="O2" s="37" t="s">
        <v>576</v>
      </c>
      <c r="P2" s="37" t="s">
        <v>578</v>
      </c>
      <c r="Q2" s="37" t="s">
        <v>577</v>
      </c>
      <c r="R2" s="37" t="s">
        <v>588</v>
      </c>
      <c r="S2" s="37" t="s">
        <v>3</v>
      </c>
      <c r="T2" s="37" t="s">
        <v>508</v>
      </c>
      <c r="U2" s="37" t="s">
        <v>589</v>
      </c>
      <c r="V2" s="42" t="s">
        <v>598</v>
      </c>
      <c r="W2" s="42" t="s">
        <v>594</v>
      </c>
      <c r="X2" s="42" t="s">
        <v>491</v>
      </c>
    </row>
    <row r="3" spans="1:24" s="49" customFormat="1" ht="195.75" customHeight="1" x14ac:dyDescent="0.3">
      <c r="A3" s="45" t="s">
        <v>510</v>
      </c>
      <c r="B3" s="46" t="s">
        <v>476</v>
      </c>
      <c r="C3" s="45" t="s">
        <v>214</v>
      </c>
      <c r="D3" s="45" t="s">
        <v>473</v>
      </c>
      <c r="E3" s="47" t="s">
        <v>218</v>
      </c>
      <c r="F3" s="47" t="s">
        <v>219</v>
      </c>
      <c r="G3" s="47"/>
      <c r="H3" s="47" t="s">
        <v>505</v>
      </c>
      <c r="I3" s="47" t="s">
        <v>216</v>
      </c>
      <c r="J3" s="47" t="s">
        <v>215</v>
      </c>
      <c r="K3" s="47" t="s">
        <v>220</v>
      </c>
      <c r="L3" s="46"/>
      <c r="M3" s="47" t="s">
        <v>483</v>
      </c>
      <c r="N3" s="47" t="s">
        <v>462</v>
      </c>
      <c r="O3" s="47" t="s">
        <v>400</v>
      </c>
      <c r="P3" s="47"/>
      <c r="Q3" s="48"/>
      <c r="R3" s="47" t="s">
        <v>521</v>
      </c>
      <c r="S3" s="47" t="s">
        <v>221</v>
      </c>
      <c r="T3" s="45" t="s">
        <v>506</v>
      </c>
      <c r="U3" s="47" t="s">
        <v>513</v>
      </c>
      <c r="V3" s="47"/>
      <c r="W3" s="47">
        <v>2012</v>
      </c>
      <c r="X3" s="47" t="s">
        <v>492</v>
      </c>
    </row>
    <row r="4" spans="1:24" s="44" customFormat="1" ht="180" customHeight="1" x14ac:dyDescent="0.3">
      <c r="A4" s="50" t="s">
        <v>526</v>
      </c>
      <c r="B4" s="46" t="s">
        <v>470</v>
      </c>
      <c r="C4" s="47" t="s">
        <v>523</v>
      </c>
      <c r="D4" s="51" t="s">
        <v>522</v>
      </c>
      <c r="E4" s="47" t="s">
        <v>477</v>
      </c>
      <c r="F4" s="47" t="s">
        <v>478</v>
      </c>
      <c r="G4" s="47" t="s">
        <v>479</v>
      </c>
      <c r="H4" s="47" t="s">
        <v>480</v>
      </c>
      <c r="I4" s="47" t="s">
        <v>527</v>
      </c>
      <c r="J4" s="52" t="s">
        <v>482</v>
      </c>
      <c r="K4" s="47" t="s">
        <v>486</v>
      </c>
      <c r="L4" s="59" t="s">
        <v>511</v>
      </c>
      <c r="M4" s="47" t="s">
        <v>481</v>
      </c>
      <c r="N4" s="46" t="s">
        <v>428</v>
      </c>
      <c r="O4" s="47" t="s">
        <v>380</v>
      </c>
      <c r="P4" s="60">
        <v>39295</v>
      </c>
      <c r="Q4" s="60">
        <v>39478</v>
      </c>
      <c r="R4" s="47" t="s">
        <v>524</v>
      </c>
      <c r="S4" s="47" t="s">
        <v>507</v>
      </c>
      <c r="T4" s="61" t="s">
        <v>512</v>
      </c>
      <c r="U4" s="47" t="s">
        <v>514</v>
      </c>
      <c r="V4" s="47"/>
      <c r="W4" s="47"/>
      <c r="X4" s="51"/>
    </row>
    <row r="5" spans="1:24" ht="112.5" customHeight="1" x14ac:dyDescent="0.3">
      <c r="A5" s="5"/>
      <c r="B5" s="65"/>
      <c r="C5" s="44"/>
      <c r="D5" s="6"/>
      <c r="E5" s="6"/>
      <c r="F5" s="6"/>
      <c r="G5" s="6"/>
      <c r="H5" s="6"/>
      <c r="I5" s="6"/>
      <c r="J5" s="6"/>
      <c r="K5" s="6"/>
      <c r="L5" s="6"/>
      <c r="M5" s="6"/>
      <c r="N5" s="6"/>
      <c r="O5" s="6"/>
      <c r="P5" s="6"/>
      <c r="Q5" s="6"/>
      <c r="R5" s="62"/>
      <c r="S5" s="6"/>
      <c r="T5" s="58"/>
      <c r="U5" s="6"/>
      <c r="V5" s="6"/>
      <c r="W5" s="6"/>
    </row>
    <row r="6" spans="1:24" ht="127.5" customHeight="1" x14ac:dyDescent="0.3">
      <c r="A6" s="5"/>
      <c r="B6" s="65"/>
      <c r="C6" s="7"/>
      <c r="D6" s="6"/>
      <c r="E6" s="6"/>
      <c r="F6" s="6"/>
      <c r="G6" s="6"/>
      <c r="H6" s="6"/>
      <c r="I6" s="6"/>
      <c r="J6" s="6"/>
      <c r="K6" s="6"/>
      <c r="L6" s="6"/>
      <c r="M6" s="6"/>
      <c r="N6" s="6"/>
      <c r="O6" s="6"/>
      <c r="P6" s="6"/>
      <c r="Q6" s="6"/>
      <c r="R6" s="62"/>
      <c r="S6" s="6"/>
      <c r="T6" s="6"/>
      <c r="U6" s="6"/>
      <c r="V6" s="6"/>
      <c r="W6" s="6"/>
    </row>
    <row r="7" spans="1:24" ht="96" customHeight="1" x14ac:dyDescent="0.3">
      <c r="A7" s="5"/>
      <c r="B7" s="65"/>
      <c r="C7" s="6"/>
      <c r="D7" s="6"/>
      <c r="E7" s="6"/>
      <c r="F7" s="6"/>
      <c r="G7" s="6"/>
      <c r="H7" s="6"/>
      <c r="I7" s="6"/>
      <c r="J7" s="6"/>
      <c r="K7" s="6"/>
      <c r="L7" s="6"/>
      <c r="M7" s="6"/>
      <c r="N7" s="6"/>
      <c r="O7" s="6"/>
      <c r="P7" s="6"/>
      <c r="Q7" s="6"/>
      <c r="R7" s="62"/>
      <c r="S7" s="6"/>
      <c r="T7" s="6"/>
      <c r="U7" s="6"/>
      <c r="V7" s="6"/>
      <c r="W7" s="6"/>
    </row>
    <row r="8" spans="1:24" ht="110.25" customHeight="1" x14ac:dyDescent="0.3">
      <c r="A8" s="5"/>
      <c r="B8" s="65"/>
      <c r="C8" s="6"/>
      <c r="D8" s="6"/>
      <c r="E8" s="6"/>
      <c r="F8" s="6"/>
      <c r="G8" s="6"/>
      <c r="H8" s="6"/>
      <c r="I8" s="6"/>
      <c r="J8" s="6"/>
      <c r="K8" s="6"/>
      <c r="L8" s="6"/>
      <c r="M8" s="6"/>
      <c r="N8" s="6"/>
      <c r="O8" s="6"/>
      <c r="P8" s="6"/>
      <c r="Q8" s="6"/>
      <c r="R8" s="62"/>
      <c r="S8" s="6"/>
      <c r="T8" s="6"/>
      <c r="U8" s="6"/>
      <c r="V8" s="6"/>
      <c r="W8" s="6"/>
    </row>
    <row r="9" spans="1:24" ht="84.75" customHeight="1" x14ac:dyDescent="0.3">
      <c r="B9" s="65"/>
      <c r="C9" s="6"/>
      <c r="D9" s="6"/>
      <c r="E9" s="6"/>
      <c r="F9" s="6"/>
      <c r="G9" s="6"/>
      <c r="H9" s="6"/>
      <c r="I9" s="6"/>
      <c r="J9" s="6"/>
      <c r="K9" s="6"/>
      <c r="L9" s="6"/>
      <c r="M9" s="6"/>
      <c r="N9" s="6"/>
      <c r="O9" s="6"/>
      <c r="P9" s="6"/>
      <c r="Q9" s="6"/>
      <c r="R9" s="62"/>
      <c r="S9" s="6"/>
      <c r="T9" s="6"/>
      <c r="U9" s="6"/>
      <c r="V9" s="6"/>
      <c r="W9" s="6"/>
    </row>
    <row r="10" spans="1:24" ht="84.75" customHeight="1" x14ac:dyDescent="0.3">
      <c r="B10" s="65"/>
      <c r="C10" s="6"/>
      <c r="D10" s="6"/>
      <c r="E10" s="6"/>
      <c r="F10" s="6"/>
      <c r="G10" s="6"/>
      <c r="H10" s="6"/>
      <c r="I10" s="6"/>
      <c r="J10" s="6"/>
      <c r="K10" s="6"/>
      <c r="L10" s="6"/>
      <c r="M10" s="6"/>
      <c r="N10" s="6"/>
      <c r="O10" s="6"/>
      <c r="P10" s="6"/>
      <c r="Q10" s="6"/>
      <c r="R10" s="62"/>
      <c r="S10" s="6"/>
      <c r="T10" s="6"/>
      <c r="U10" s="6"/>
      <c r="V10" s="6"/>
      <c r="W10" s="6"/>
    </row>
    <row r="11" spans="1:24" ht="84.75" customHeight="1" x14ac:dyDescent="0.3">
      <c r="B11" s="65"/>
      <c r="C11" s="6"/>
      <c r="D11" s="6"/>
      <c r="E11" s="6"/>
      <c r="F11" s="6"/>
      <c r="G11" s="6"/>
      <c r="H11" s="6"/>
      <c r="I11" s="6"/>
      <c r="J11" s="6"/>
      <c r="K11" s="6"/>
      <c r="L11" s="6"/>
      <c r="M11" s="6"/>
      <c r="N11" s="6"/>
      <c r="O11" s="6"/>
      <c r="P11" s="6"/>
      <c r="Q11" s="6"/>
      <c r="R11" s="62"/>
      <c r="S11" s="6"/>
      <c r="T11" s="6"/>
      <c r="U11" s="6"/>
      <c r="V11" s="6"/>
      <c r="W11" s="6"/>
    </row>
    <row r="12" spans="1:24" ht="84.75" customHeight="1" x14ac:dyDescent="0.3">
      <c r="B12" s="65"/>
      <c r="C12" s="6"/>
      <c r="D12" s="6"/>
      <c r="E12" s="6"/>
      <c r="F12" s="6"/>
      <c r="G12" s="6"/>
      <c r="H12" s="6"/>
      <c r="I12" s="6"/>
      <c r="J12" s="6"/>
      <c r="K12" s="6"/>
      <c r="L12" s="6"/>
      <c r="M12" s="6"/>
      <c r="N12" s="6"/>
      <c r="O12" s="6"/>
      <c r="P12" s="6"/>
      <c r="Q12" s="6"/>
      <c r="R12" s="62"/>
      <c r="S12" s="6"/>
      <c r="T12" s="6"/>
      <c r="U12" s="6"/>
      <c r="V12" s="6"/>
      <c r="W12" s="6"/>
    </row>
    <row r="13" spans="1:24" ht="84.75" customHeight="1" x14ac:dyDescent="0.3">
      <c r="B13" s="65"/>
      <c r="C13" s="6"/>
      <c r="D13" s="6"/>
      <c r="E13" s="6"/>
      <c r="F13" s="6"/>
      <c r="G13" s="6"/>
      <c r="H13" s="6"/>
      <c r="I13" s="6"/>
      <c r="J13" s="6"/>
      <c r="K13" s="6"/>
      <c r="L13" s="6"/>
      <c r="M13" s="6"/>
      <c r="N13" s="6"/>
      <c r="O13" s="6"/>
      <c r="P13" s="6"/>
      <c r="Q13" s="6"/>
      <c r="R13" s="62"/>
      <c r="S13" s="6"/>
      <c r="T13" s="6"/>
      <c r="U13" s="6"/>
      <c r="V13" s="6"/>
      <c r="W13" s="6"/>
    </row>
    <row r="14" spans="1:24" ht="84.75" customHeight="1" x14ac:dyDescent="0.3">
      <c r="B14" s="65"/>
      <c r="C14" s="6"/>
      <c r="D14" s="6"/>
      <c r="E14" s="6"/>
      <c r="F14" s="6"/>
      <c r="G14" s="6"/>
      <c r="H14" s="6"/>
      <c r="I14" s="6"/>
      <c r="J14" s="6"/>
      <c r="K14" s="6"/>
      <c r="L14" s="6"/>
      <c r="M14" s="6"/>
      <c r="N14" s="6"/>
      <c r="O14" s="6"/>
      <c r="P14" s="6"/>
      <c r="Q14" s="6"/>
      <c r="R14" s="62"/>
      <c r="S14" s="6"/>
      <c r="T14" s="6"/>
      <c r="U14" s="6"/>
      <c r="V14" s="6"/>
      <c r="W14" s="6"/>
    </row>
    <row r="15" spans="1:24" ht="84.75" customHeight="1" x14ac:dyDescent="0.3">
      <c r="B15" s="65"/>
      <c r="C15" s="6"/>
      <c r="D15" s="6"/>
      <c r="E15" s="6"/>
      <c r="F15" s="6"/>
      <c r="G15" s="6"/>
      <c r="H15" s="6"/>
      <c r="I15" s="6"/>
      <c r="J15" s="6"/>
      <c r="K15" s="6"/>
      <c r="L15" s="6"/>
      <c r="M15" s="6"/>
      <c r="N15" s="6"/>
      <c r="O15" s="6"/>
      <c r="P15" s="6"/>
      <c r="Q15" s="6"/>
      <c r="R15" s="62"/>
      <c r="S15" s="6"/>
      <c r="T15" s="6"/>
      <c r="U15" s="6"/>
      <c r="V15" s="6"/>
      <c r="W15" s="6"/>
    </row>
    <row r="16" spans="1:24" ht="84.75" customHeight="1" x14ac:dyDescent="0.3">
      <c r="B16" s="65"/>
      <c r="C16" s="6"/>
      <c r="D16" s="6"/>
      <c r="E16" s="6"/>
      <c r="F16" s="6"/>
      <c r="G16" s="6"/>
      <c r="H16" s="6"/>
      <c r="I16" s="6"/>
      <c r="J16" s="6"/>
      <c r="K16" s="6"/>
      <c r="L16" s="6"/>
      <c r="M16" s="6"/>
      <c r="N16" s="6"/>
      <c r="O16" s="6"/>
      <c r="P16" s="6"/>
      <c r="Q16" s="6"/>
      <c r="R16" s="62"/>
      <c r="S16" s="6"/>
      <c r="T16" s="6"/>
      <c r="U16" s="6"/>
      <c r="V16" s="6"/>
      <c r="W16" s="6"/>
    </row>
    <row r="17" spans="2:23" ht="84.75" customHeight="1" x14ac:dyDescent="0.3">
      <c r="B17" s="65"/>
      <c r="C17" s="6"/>
      <c r="D17" s="6"/>
      <c r="E17" s="6"/>
      <c r="F17" s="6"/>
      <c r="G17" s="6"/>
      <c r="H17" s="6"/>
      <c r="I17" s="6"/>
      <c r="J17" s="6"/>
      <c r="K17" s="6"/>
      <c r="L17" s="6"/>
      <c r="M17" s="6"/>
      <c r="N17" s="6"/>
      <c r="O17" s="6"/>
      <c r="P17" s="6"/>
      <c r="Q17" s="6"/>
      <c r="R17" s="62"/>
      <c r="S17" s="6"/>
      <c r="T17" s="6"/>
      <c r="U17" s="6"/>
      <c r="V17" s="6"/>
      <c r="W17" s="6"/>
    </row>
    <row r="18" spans="2:23" ht="84.75" customHeight="1" x14ac:dyDescent="0.3">
      <c r="B18" s="65"/>
      <c r="C18" s="6"/>
      <c r="D18" s="6"/>
      <c r="E18" s="6"/>
      <c r="F18" s="6"/>
      <c r="G18" s="6"/>
      <c r="H18" s="6"/>
      <c r="I18" s="6"/>
      <c r="J18" s="6"/>
      <c r="K18" s="6"/>
      <c r="L18" s="6"/>
      <c r="M18" s="6"/>
      <c r="N18" s="6"/>
      <c r="O18" s="6"/>
      <c r="P18" s="6"/>
      <c r="Q18" s="6"/>
      <c r="R18" s="62"/>
      <c r="S18" s="6"/>
      <c r="T18" s="6"/>
      <c r="U18" s="6"/>
      <c r="V18" s="6"/>
      <c r="W18" s="6"/>
    </row>
    <row r="19" spans="2:23" ht="84.75" customHeight="1" x14ac:dyDescent="0.3">
      <c r="B19" s="65"/>
      <c r="C19" s="6"/>
      <c r="D19" s="6"/>
      <c r="E19" s="6"/>
      <c r="F19" s="6"/>
      <c r="G19" s="6"/>
      <c r="H19" s="6"/>
      <c r="I19" s="6"/>
      <c r="J19" s="6"/>
      <c r="K19" s="6"/>
      <c r="L19" s="6"/>
      <c r="M19" s="6"/>
      <c r="N19" s="6"/>
      <c r="O19" s="6"/>
      <c r="P19" s="6"/>
      <c r="Q19" s="6"/>
      <c r="R19" s="62"/>
      <c r="S19" s="6"/>
      <c r="T19" s="6"/>
      <c r="U19" s="6"/>
      <c r="V19" s="6"/>
      <c r="W19" s="6"/>
    </row>
    <row r="20" spans="2:23" ht="84.75" customHeight="1" x14ac:dyDescent="0.3">
      <c r="B20" s="65"/>
      <c r="C20" s="6"/>
      <c r="D20" s="6"/>
      <c r="E20" s="6"/>
      <c r="F20" s="6"/>
      <c r="G20" s="6"/>
      <c r="H20" s="6"/>
      <c r="I20" s="6"/>
      <c r="J20" s="6"/>
      <c r="K20" s="6"/>
      <c r="L20" s="6"/>
      <c r="M20" s="6"/>
      <c r="N20" s="6"/>
      <c r="O20" s="6"/>
      <c r="P20" s="6"/>
      <c r="Q20" s="6"/>
      <c r="R20" s="62"/>
      <c r="S20" s="6"/>
      <c r="T20" s="6"/>
      <c r="U20" s="6"/>
      <c r="V20" s="6"/>
      <c r="W20" s="6"/>
    </row>
    <row r="21" spans="2:23" ht="84.75" customHeight="1" x14ac:dyDescent="0.3">
      <c r="B21" s="66"/>
      <c r="C21" s="6"/>
      <c r="D21" s="6"/>
      <c r="E21" s="6"/>
      <c r="F21" s="6"/>
      <c r="G21" s="6"/>
      <c r="H21" s="6"/>
      <c r="I21" s="6"/>
      <c r="J21" s="6"/>
      <c r="K21" s="6"/>
      <c r="L21" s="6"/>
      <c r="M21" s="6"/>
      <c r="N21" s="6"/>
      <c r="O21" s="6"/>
      <c r="P21" s="6"/>
      <c r="Q21" s="6"/>
      <c r="R21" s="63"/>
      <c r="S21" s="6"/>
      <c r="T21" s="6"/>
      <c r="U21" s="6"/>
      <c r="V21" s="6"/>
      <c r="W21" s="6"/>
    </row>
    <row r="22" spans="2:23" ht="84.75" customHeight="1" x14ac:dyDescent="0.3">
      <c r="B22" s="66"/>
      <c r="C22" s="6"/>
      <c r="D22" s="6"/>
      <c r="E22" s="6"/>
      <c r="F22" s="6"/>
      <c r="G22" s="6"/>
      <c r="H22" s="6"/>
      <c r="I22" s="6"/>
      <c r="J22" s="6"/>
      <c r="K22" s="6"/>
      <c r="L22" s="6"/>
      <c r="M22" s="6"/>
      <c r="N22" s="6"/>
      <c r="O22" s="6"/>
      <c r="P22" s="6"/>
      <c r="Q22" s="6"/>
      <c r="R22" s="63"/>
      <c r="S22" s="6"/>
      <c r="T22" s="6"/>
      <c r="U22" s="6"/>
      <c r="V22" s="6"/>
      <c r="W22" s="6"/>
    </row>
    <row r="23" spans="2:23" ht="84.75" customHeight="1" x14ac:dyDescent="0.3">
      <c r="B23" s="66"/>
      <c r="C23" s="6"/>
      <c r="D23" s="6"/>
      <c r="E23" s="6"/>
      <c r="F23" s="6"/>
      <c r="G23" s="6"/>
      <c r="H23" s="6"/>
      <c r="I23" s="6"/>
      <c r="J23" s="6"/>
      <c r="K23" s="6"/>
      <c r="L23" s="6"/>
      <c r="M23" s="6"/>
      <c r="N23" s="6"/>
      <c r="O23" s="6"/>
      <c r="P23" s="6"/>
      <c r="Q23" s="6"/>
      <c r="R23" s="63"/>
      <c r="S23" s="6"/>
      <c r="T23" s="6"/>
      <c r="U23" s="6"/>
      <c r="V23" s="6"/>
      <c r="W23" s="6"/>
    </row>
    <row r="24" spans="2:23" ht="84.75" customHeight="1" x14ac:dyDescent="0.3">
      <c r="B24" s="66"/>
      <c r="C24" s="6"/>
      <c r="D24" s="6"/>
      <c r="E24" s="6"/>
      <c r="F24" s="6"/>
      <c r="G24" s="6"/>
      <c r="H24" s="6"/>
      <c r="I24" s="6"/>
      <c r="J24" s="6"/>
      <c r="K24" s="6"/>
      <c r="L24" s="6"/>
      <c r="M24" s="6"/>
      <c r="N24" s="6"/>
      <c r="O24" s="6"/>
      <c r="P24" s="6"/>
      <c r="Q24" s="6"/>
      <c r="R24" s="63"/>
      <c r="S24" s="6"/>
      <c r="T24" s="6"/>
      <c r="U24" s="6"/>
      <c r="V24" s="6"/>
      <c r="W24" s="6"/>
    </row>
    <row r="25" spans="2:23" ht="84.75" customHeight="1" x14ac:dyDescent="0.3">
      <c r="B25" s="66"/>
      <c r="C25" s="6"/>
      <c r="D25" s="6"/>
      <c r="E25" s="6"/>
      <c r="F25" s="6"/>
      <c r="G25" s="6"/>
      <c r="H25" s="6"/>
      <c r="I25" s="6"/>
      <c r="J25" s="6"/>
      <c r="K25" s="6"/>
      <c r="L25" s="6"/>
      <c r="M25" s="6"/>
      <c r="N25" s="6"/>
      <c r="O25" s="6"/>
      <c r="P25" s="6"/>
      <c r="Q25" s="6"/>
      <c r="R25" s="63"/>
      <c r="S25" s="6"/>
      <c r="T25" s="6"/>
      <c r="U25" s="6"/>
      <c r="V25" s="6"/>
      <c r="W25" s="6"/>
    </row>
    <row r="26" spans="2:23" ht="84.75" customHeight="1" x14ac:dyDescent="0.3">
      <c r="B26" s="66"/>
      <c r="C26" s="6"/>
      <c r="D26" s="6"/>
      <c r="E26" s="6"/>
      <c r="F26" s="6"/>
      <c r="G26" s="6"/>
      <c r="H26" s="6"/>
      <c r="I26" s="6"/>
      <c r="J26" s="6"/>
      <c r="K26" s="6"/>
      <c r="L26" s="6"/>
      <c r="M26" s="6"/>
      <c r="N26" s="6"/>
      <c r="O26" s="6"/>
      <c r="P26" s="6"/>
      <c r="Q26" s="6"/>
      <c r="R26" s="63"/>
      <c r="S26" s="6"/>
      <c r="T26" s="6"/>
      <c r="U26" s="6"/>
      <c r="V26" s="6"/>
      <c r="W26" s="6"/>
    </row>
    <row r="27" spans="2:23" ht="84.75" customHeight="1" x14ac:dyDescent="0.3">
      <c r="B27" s="66"/>
      <c r="C27" s="6"/>
      <c r="D27" s="6"/>
      <c r="E27" s="6"/>
      <c r="F27" s="6"/>
      <c r="G27" s="6"/>
      <c r="H27" s="6"/>
      <c r="I27" s="6"/>
      <c r="J27" s="6"/>
      <c r="K27" s="6"/>
      <c r="L27" s="6"/>
      <c r="M27" s="6"/>
      <c r="N27" s="6"/>
      <c r="O27" s="6"/>
      <c r="P27" s="6"/>
      <c r="Q27" s="6"/>
      <c r="R27" s="63"/>
      <c r="S27" s="6"/>
      <c r="T27" s="6"/>
      <c r="U27" s="6"/>
      <c r="V27" s="6"/>
      <c r="W27" s="6"/>
    </row>
    <row r="28" spans="2:23" ht="84.75" customHeight="1" x14ac:dyDescent="0.3">
      <c r="B28" s="66"/>
      <c r="C28" s="6"/>
      <c r="D28" s="6"/>
      <c r="E28" s="6"/>
      <c r="F28" s="6"/>
      <c r="G28" s="6"/>
      <c r="H28" s="6"/>
      <c r="I28" s="6"/>
      <c r="J28" s="6"/>
      <c r="K28" s="6"/>
      <c r="L28" s="6"/>
      <c r="M28" s="6"/>
      <c r="N28" s="6"/>
      <c r="O28" s="6"/>
      <c r="P28" s="6"/>
      <c r="Q28" s="6"/>
      <c r="R28" s="63"/>
      <c r="S28" s="6"/>
      <c r="T28" s="6"/>
      <c r="U28" s="6"/>
      <c r="V28" s="6"/>
      <c r="W28" s="6"/>
    </row>
    <row r="29" spans="2:23" ht="84.75" customHeight="1" x14ac:dyDescent="0.3">
      <c r="B29" s="66"/>
      <c r="C29" s="6"/>
      <c r="D29" s="6"/>
      <c r="E29" s="6"/>
      <c r="F29" s="6"/>
      <c r="G29" s="6"/>
      <c r="H29" s="6"/>
      <c r="I29" s="6"/>
      <c r="J29" s="6"/>
      <c r="K29" s="6"/>
      <c r="L29" s="6"/>
      <c r="M29" s="6"/>
      <c r="N29" s="6"/>
      <c r="O29" s="6"/>
      <c r="P29" s="6"/>
      <c r="Q29" s="6"/>
      <c r="R29" s="63"/>
      <c r="S29" s="6"/>
      <c r="T29" s="6"/>
      <c r="U29" s="6"/>
      <c r="V29" s="6"/>
      <c r="W29" s="6"/>
    </row>
    <row r="30" spans="2:23" ht="84.75" customHeight="1" x14ac:dyDescent="0.3">
      <c r="B30" s="66"/>
      <c r="C30" s="6"/>
      <c r="D30" s="6"/>
      <c r="E30" s="6"/>
      <c r="F30" s="6"/>
      <c r="G30" s="6"/>
      <c r="H30" s="6"/>
      <c r="I30" s="6"/>
      <c r="J30" s="6"/>
      <c r="K30" s="6"/>
      <c r="L30" s="6"/>
      <c r="M30" s="6"/>
      <c r="N30" s="6"/>
      <c r="O30" s="6"/>
      <c r="P30" s="6"/>
      <c r="Q30" s="6"/>
      <c r="R30" s="63"/>
      <c r="S30" s="6"/>
      <c r="T30" s="6"/>
      <c r="U30" s="6"/>
      <c r="V30" s="6"/>
      <c r="W30" s="6"/>
    </row>
    <row r="31" spans="2:23" ht="84.75" customHeight="1" x14ac:dyDescent="0.3">
      <c r="B31" s="66"/>
      <c r="C31" s="6"/>
      <c r="D31" s="6"/>
      <c r="E31" s="6"/>
      <c r="F31" s="6"/>
      <c r="G31" s="6"/>
      <c r="H31" s="6"/>
      <c r="I31" s="6"/>
      <c r="J31" s="6"/>
      <c r="K31" s="6"/>
      <c r="L31" s="6"/>
      <c r="M31" s="6"/>
      <c r="N31" s="6"/>
      <c r="O31" s="6"/>
      <c r="P31" s="6"/>
      <c r="Q31" s="6"/>
      <c r="R31" s="63"/>
      <c r="S31" s="6"/>
      <c r="T31" s="6"/>
      <c r="U31" s="6"/>
      <c r="V31" s="6"/>
      <c r="W31" s="6"/>
    </row>
    <row r="32" spans="2:23" ht="84.75" customHeight="1" x14ac:dyDescent="0.3">
      <c r="B32" s="66"/>
      <c r="C32" s="6"/>
      <c r="D32" s="6"/>
      <c r="E32" s="6"/>
      <c r="F32" s="6"/>
      <c r="G32" s="6"/>
      <c r="H32" s="6"/>
      <c r="I32" s="6"/>
      <c r="J32" s="6"/>
      <c r="K32" s="6"/>
      <c r="L32" s="6"/>
      <c r="M32" s="6"/>
      <c r="N32" s="6"/>
      <c r="O32" s="6"/>
      <c r="P32" s="6"/>
      <c r="Q32" s="6"/>
      <c r="R32" s="63"/>
      <c r="S32" s="6"/>
      <c r="T32" s="6"/>
      <c r="U32" s="6"/>
      <c r="V32" s="6"/>
      <c r="W32" s="6"/>
    </row>
    <row r="33" spans="2:23" ht="84.75" customHeight="1" x14ac:dyDescent="0.3">
      <c r="B33" s="66"/>
      <c r="C33" s="6"/>
      <c r="D33" s="6"/>
      <c r="E33" s="6"/>
      <c r="F33" s="6"/>
      <c r="G33" s="6"/>
      <c r="H33" s="6"/>
      <c r="I33" s="6"/>
      <c r="J33" s="6"/>
      <c r="K33" s="6"/>
      <c r="L33" s="6"/>
      <c r="M33" s="6"/>
      <c r="N33" s="6"/>
      <c r="O33" s="6"/>
      <c r="P33" s="6"/>
      <c r="Q33" s="6"/>
      <c r="R33" s="63"/>
      <c r="S33" s="6"/>
      <c r="T33" s="6"/>
      <c r="U33" s="6"/>
      <c r="V33" s="6"/>
      <c r="W33" s="6"/>
    </row>
    <row r="34" spans="2:23" ht="84.75" customHeight="1" x14ac:dyDescent="0.3">
      <c r="B34" s="66"/>
      <c r="C34" s="6"/>
      <c r="D34" s="6"/>
      <c r="E34" s="6"/>
      <c r="F34" s="6"/>
      <c r="G34" s="6"/>
      <c r="H34" s="6"/>
      <c r="I34" s="6"/>
      <c r="J34" s="6"/>
      <c r="K34" s="6"/>
      <c r="L34" s="6"/>
      <c r="M34" s="6"/>
      <c r="N34" s="6"/>
      <c r="O34" s="6"/>
      <c r="P34" s="6"/>
      <c r="Q34" s="6"/>
      <c r="R34" s="63"/>
      <c r="S34" s="6"/>
      <c r="T34" s="6"/>
      <c r="U34" s="6"/>
      <c r="V34" s="6"/>
      <c r="W34" s="6"/>
    </row>
    <row r="35" spans="2:23" ht="84.75" customHeight="1" x14ac:dyDescent="0.3">
      <c r="B35" s="66"/>
      <c r="C35" s="6"/>
      <c r="D35" s="6"/>
      <c r="E35" s="6"/>
      <c r="F35" s="6"/>
      <c r="G35" s="6"/>
      <c r="H35" s="6"/>
      <c r="I35" s="6"/>
      <c r="J35" s="6"/>
      <c r="K35" s="6"/>
      <c r="L35" s="6"/>
      <c r="M35" s="6"/>
      <c r="N35" s="6"/>
      <c r="O35" s="6"/>
      <c r="P35" s="6"/>
      <c r="Q35" s="6"/>
      <c r="R35" s="63"/>
      <c r="S35" s="6"/>
      <c r="T35" s="6"/>
      <c r="U35" s="6"/>
      <c r="V35" s="6"/>
      <c r="W35" s="6"/>
    </row>
    <row r="36" spans="2:23" ht="84.75" customHeight="1" x14ac:dyDescent="0.3">
      <c r="B36" s="66"/>
      <c r="C36" s="6"/>
      <c r="D36" s="6"/>
      <c r="E36" s="6"/>
      <c r="F36" s="6"/>
      <c r="G36" s="6"/>
      <c r="H36" s="6"/>
      <c r="I36" s="6"/>
      <c r="J36" s="6"/>
      <c r="K36" s="6"/>
      <c r="L36" s="6"/>
      <c r="M36" s="6"/>
      <c r="N36" s="6"/>
      <c r="O36" s="6"/>
      <c r="P36" s="6"/>
      <c r="Q36" s="6"/>
      <c r="R36" s="63"/>
      <c r="S36" s="6"/>
      <c r="T36" s="6"/>
      <c r="U36" s="6"/>
      <c r="V36" s="6"/>
      <c r="W36" s="6"/>
    </row>
    <row r="37" spans="2:23" ht="84.75" customHeight="1" x14ac:dyDescent="0.3">
      <c r="B37" s="66"/>
      <c r="C37" s="6"/>
      <c r="D37" s="6"/>
      <c r="E37" s="6"/>
      <c r="F37" s="6"/>
      <c r="G37" s="6"/>
      <c r="H37" s="6"/>
      <c r="I37" s="6"/>
      <c r="J37" s="6"/>
      <c r="K37" s="6"/>
      <c r="L37" s="6"/>
      <c r="M37" s="6"/>
      <c r="N37" s="6"/>
      <c r="O37" s="6"/>
      <c r="P37" s="6"/>
      <c r="Q37" s="6"/>
      <c r="R37" s="63"/>
      <c r="S37" s="6"/>
      <c r="T37" s="6"/>
      <c r="U37" s="6"/>
      <c r="V37" s="6"/>
      <c r="W37" s="6"/>
    </row>
    <row r="38" spans="2:23" ht="84.75" customHeight="1" x14ac:dyDescent="0.3">
      <c r="B38" s="66"/>
      <c r="C38" s="6"/>
      <c r="D38" s="6"/>
      <c r="E38" s="6"/>
      <c r="F38" s="6"/>
      <c r="G38" s="6"/>
      <c r="H38" s="6"/>
      <c r="I38" s="6"/>
      <c r="J38" s="6"/>
      <c r="K38" s="6"/>
      <c r="L38" s="6"/>
      <c r="M38" s="6"/>
      <c r="N38" s="6"/>
      <c r="O38" s="6"/>
      <c r="P38" s="6"/>
      <c r="Q38" s="6"/>
      <c r="R38" s="63"/>
      <c r="S38" s="6"/>
      <c r="T38" s="6"/>
      <c r="U38" s="6"/>
      <c r="V38" s="6"/>
      <c r="W38" s="6"/>
    </row>
    <row r="39" spans="2:23" ht="84.75" customHeight="1" x14ac:dyDescent="0.3">
      <c r="B39" s="66"/>
      <c r="C39" s="6"/>
      <c r="D39" s="6"/>
      <c r="E39" s="6"/>
      <c r="F39" s="6"/>
      <c r="G39" s="6"/>
      <c r="H39" s="6"/>
      <c r="I39" s="6"/>
      <c r="J39" s="6"/>
      <c r="K39" s="6"/>
      <c r="L39" s="6"/>
      <c r="M39" s="6"/>
      <c r="N39" s="6"/>
      <c r="O39" s="6"/>
      <c r="P39" s="6"/>
      <c r="Q39" s="6"/>
      <c r="R39" s="63"/>
      <c r="S39" s="6"/>
      <c r="T39" s="6"/>
      <c r="U39" s="6"/>
      <c r="V39" s="6"/>
      <c r="W39" s="6"/>
    </row>
    <row r="40" spans="2:23" ht="84.75" customHeight="1" x14ac:dyDescent="0.3">
      <c r="B40" s="66"/>
      <c r="C40" s="6"/>
      <c r="D40" s="6"/>
      <c r="E40" s="6"/>
      <c r="F40" s="6"/>
      <c r="G40" s="6"/>
      <c r="H40" s="6"/>
      <c r="I40" s="6"/>
      <c r="J40" s="6"/>
      <c r="K40" s="6"/>
      <c r="L40" s="6"/>
      <c r="M40" s="6"/>
      <c r="N40" s="6"/>
      <c r="O40" s="6"/>
      <c r="P40" s="6"/>
      <c r="Q40" s="6"/>
      <c r="R40" s="63"/>
      <c r="S40" s="6"/>
      <c r="T40" s="6"/>
      <c r="U40" s="6"/>
      <c r="V40" s="6"/>
      <c r="W40" s="6"/>
    </row>
    <row r="41" spans="2:23" ht="84.75" customHeight="1" x14ac:dyDescent="0.3">
      <c r="B41" s="66"/>
      <c r="C41" s="6"/>
      <c r="D41" s="6"/>
      <c r="E41" s="6"/>
      <c r="F41" s="6"/>
      <c r="G41" s="6"/>
      <c r="H41" s="6"/>
      <c r="I41" s="6"/>
      <c r="J41" s="6"/>
      <c r="K41" s="6"/>
      <c r="L41" s="6"/>
      <c r="M41" s="6"/>
      <c r="N41" s="6"/>
      <c r="O41" s="6"/>
      <c r="P41" s="6"/>
      <c r="Q41" s="6"/>
      <c r="R41" s="63"/>
      <c r="S41" s="6"/>
      <c r="T41" s="6"/>
      <c r="U41" s="6"/>
      <c r="V41" s="6"/>
      <c r="W41" s="6"/>
    </row>
    <row r="42" spans="2:23" ht="84.75" customHeight="1" x14ac:dyDescent="0.3">
      <c r="B42" s="66"/>
      <c r="C42" s="6"/>
      <c r="D42" s="6"/>
      <c r="E42" s="6"/>
      <c r="F42" s="6"/>
      <c r="G42" s="6"/>
      <c r="H42" s="6"/>
      <c r="I42" s="6"/>
      <c r="J42" s="6"/>
      <c r="K42" s="6"/>
      <c r="L42" s="6"/>
      <c r="M42" s="6"/>
      <c r="N42" s="6"/>
      <c r="O42" s="6"/>
      <c r="P42" s="6"/>
      <c r="Q42" s="6"/>
      <c r="R42" s="63"/>
      <c r="S42" s="6"/>
      <c r="T42" s="6"/>
      <c r="U42" s="6"/>
      <c r="V42" s="6"/>
      <c r="W42" s="6"/>
    </row>
    <row r="43" spans="2:23" ht="84.75" customHeight="1" x14ac:dyDescent="0.3">
      <c r="B43" s="66"/>
      <c r="C43" s="6"/>
      <c r="D43" s="6"/>
      <c r="E43" s="6"/>
      <c r="F43" s="6"/>
      <c r="G43" s="6"/>
      <c r="H43" s="6"/>
      <c r="I43" s="6"/>
      <c r="J43" s="6"/>
      <c r="K43" s="6"/>
      <c r="L43" s="6"/>
      <c r="M43" s="6"/>
      <c r="N43" s="6"/>
      <c r="O43" s="6"/>
      <c r="P43" s="6"/>
      <c r="Q43" s="6"/>
      <c r="R43" s="63"/>
      <c r="S43" s="6"/>
      <c r="T43" s="6"/>
      <c r="U43" s="6"/>
      <c r="V43" s="6"/>
      <c r="W43" s="6"/>
    </row>
    <row r="44" spans="2:23" ht="84.75" customHeight="1" x14ac:dyDescent="0.3">
      <c r="B44" s="66"/>
      <c r="C44" s="6"/>
      <c r="D44" s="6"/>
      <c r="E44" s="6"/>
      <c r="F44" s="6"/>
      <c r="G44" s="6"/>
      <c r="H44" s="6"/>
      <c r="I44" s="6"/>
      <c r="J44" s="6"/>
      <c r="K44" s="6"/>
      <c r="L44" s="6"/>
      <c r="M44" s="6"/>
      <c r="N44" s="6"/>
      <c r="O44" s="6"/>
      <c r="P44" s="6"/>
      <c r="Q44" s="6"/>
      <c r="R44" s="63"/>
      <c r="S44" s="6"/>
      <c r="T44" s="6"/>
      <c r="U44" s="6"/>
      <c r="V44" s="6"/>
      <c r="W44" s="6"/>
    </row>
    <row r="45" spans="2:23" ht="84.75" customHeight="1" x14ac:dyDescent="0.3">
      <c r="B45" s="66"/>
      <c r="C45" s="6"/>
      <c r="D45" s="6"/>
      <c r="E45" s="6"/>
      <c r="F45" s="6"/>
      <c r="G45" s="6"/>
      <c r="H45" s="6"/>
      <c r="I45" s="6"/>
      <c r="J45" s="6"/>
      <c r="K45" s="6"/>
      <c r="L45" s="6"/>
      <c r="M45" s="6"/>
      <c r="N45" s="6"/>
      <c r="O45" s="6"/>
      <c r="P45" s="6"/>
      <c r="Q45" s="6"/>
      <c r="R45" s="63"/>
      <c r="S45" s="6"/>
      <c r="T45" s="6"/>
      <c r="U45" s="6"/>
      <c r="V45" s="6"/>
      <c r="W45" s="6"/>
    </row>
    <row r="46" spans="2:23" ht="84.75" customHeight="1" x14ac:dyDescent="0.3">
      <c r="B46" s="66"/>
      <c r="C46" s="6"/>
      <c r="D46" s="6"/>
      <c r="E46" s="6"/>
      <c r="F46" s="6"/>
      <c r="G46" s="6"/>
      <c r="H46" s="6"/>
      <c r="I46" s="6"/>
      <c r="J46" s="6"/>
      <c r="K46" s="6"/>
      <c r="L46" s="6"/>
      <c r="M46" s="6"/>
      <c r="N46" s="6"/>
      <c r="O46" s="6"/>
      <c r="P46" s="6"/>
      <c r="Q46" s="6"/>
      <c r="R46" s="63"/>
      <c r="S46" s="6"/>
      <c r="T46" s="6"/>
      <c r="U46" s="6"/>
      <c r="V46" s="6"/>
      <c r="W46" s="6"/>
    </row>
    <row r="47" spans="2:23" ht="84.75" customHeight="1" x14ac:dyDescent="0.3">
      <c r="B47" s="66"/>
      <c r="C47" s="6"/>
      <c r="D47" s="6"/>
      <c r="E47" s="6"/>
      <c r="F47" s="6"/>
      <c r="G47" s="6"/>
      <c r="H47" s="6"/>
      <c r="I47" s="6"/>
      <c r="J47" s="6"/>
      <c r="K47" s="6"/>
      <c r="L47" s="6"/>
      <c r="M47" s="6"/>
      <c r="N47" s="6"/>
      <c r="O47" s="6"/>
      <c r="P47" s="6"/>
      <c r="Q47" s="6"/>
      <c r="R47" s="63"/>
      <c r="S47" s="6"/>
      <c r="T47" s="6"/>
      <c r="U47" s="6"/>
      <c r="V47" s="6"/>
      <c r="W47" s="6"/>
    </row>
    <row r="48" spans="2:23" ht="84.75" customHeight="1" x14ac:dyDescent="0.3">
      <c r="B48" s="66"/>
      <c r="C48" s="6"/>
      <c r="D48" s="6"/>
      <c r="E48" s="6"/>
      <c r="F48" s="6"/>
      <c r="G48" s="6"/>
      <c r="H48" s="6"/>
      <c r="I48" s="6"/>
      <c r="J48" s="6"/>
      <c r="K48" s="6"/>
      <c r="L48" s="6"/>
      <c r="M48" s="6"/>
      <c r="N48" s="6"/>
      <c r="O48" s="6"/>
      <c r="P48" s="6"/>
      <c r="Q48" s="6"/>
      <c r="R48" s="63"/>
      <c r="S48" s="6"/>
      <c r="T48" s="6"/>
      <c r="U48" s="6"/>
      <c r="V48" s="6"/>
      <c r="W48" s="6"/>
    </row>
    <row r="49" spans="2:23" ht="84.75" customHeight="1" x14ac:dyDescent="0.3">
      <c r="B49" s="66"/>
      <c r="C49" s="6"/>
      <c r="D49" s="6"/>
      <c r="E49" s="6"/>
      <c r="F49" s="6"/>
      <c r="G49" s="6"/>
      <c r="H49" s="6"/>
      <c r="I49" s="6"/>
      <c r="J49" s="6"/>
      <c r="K49" s="6"/>
      <c r="L49" s="6"/>
      <c r="M49" s="6"/>
      <c r="N49" s="6"/>
      <c r="O49" s="6"/>
      <c r="P49" s="6"/>
      <c r="Q49" s="6"/>
      <c r="R49" s="63"/>
      <c r="S49" s="6"/>
      <c r="T49" s="6"/>
      <c r="U49" s="6"/>
      <c r="V49" s="6"/>
      <c r="W49" s="6"/>
    </row>
    <row r="50" spans="2:23" ht="84.75" customHeight="1" x14ac:dyDescent="0.3">
      <c r="B50" s="66"/>
      <c r="C50" s="6"/>
      <c r="D50" s="6"/>
      <c r="E50" s="6"/>
      <c r="F50" s="6"/>
      <c r="G50" s="6"/>
      <c r="H50" s="6"/>
      <c r="I50" s="6"/>
      <c r="J50" s="6"/>
      <c r="K50" s="6"/>
      <c r="L50" s="6"/>
      <c r="M50" s="6"/>
      <c r="N50" s="6"/>
      <c r="O50" s="6"/>
      <c r="P50" s="6"/>
      <c r="Q50" s="6"/>
      <c r="R50" s="63"/>
      <c r="S50" s="6"/>
      <c r="T50" s="6"/>
      <c r="U50" s="6"/>
      <c r="V50" s="6"/>
      <c r="W50" s="6"/>
    </row>
    <row r="51" spans="2:23" ht="84.75" customHeight="1" x14ac:dyDescent="0.3">
      <c r="B51" s="66"/>
      <c r="C51" s="6"/>
      <c r="D51" s="6"/>
      <c r="E51" s="6"/>
      <c r="F51" s="6"/>
      <c r="G51" s="6"/>
      <c r="H51" s="6"/>
      <c r="I51" s="6"/>
      <c r="J51" s="6"/>
      <c r="K51" s="6"/>
      <c r="L51" s="6"/>
      <c r="M51" s="6"/>
      <c r="N51" s="6"/>
      <c r="O51" s="6"/>
      <c r="P51" s="6"/>
      <c r="Q51" s="6"/>
      <c r="R51" s="63"/>
      <c r="S51" s="6"/>
      <c r="T51" s="6"/>
      <c r="U51" s="6"/>
      <c r="V51" s="6"/>
      <c r="W51" s="6"/>
    </row>
    <row r="52" spans="2:23" ht="84.75" customHeight="1" x14ac:dyDescent="0.3">
      <c r="B52" s="66"/>
      <c r="C52" s="6"/>
      <c r="D52" s="6"/>
      <c r="E52" s="6"/>
      <c r="F52" s="6"/>
      <c r="G52" s="6"/>
      <c r="H52" s="6"/>
      <c r="I52" s="6"/>
      <c r="J52" s="6"/>
      <c r="K52" s="6"/>
      <c r="L52" s="6"/>
      <c r="M52" s="6"/>
      <c r="N52" s="6"/>
      <c r="O52" s="6"/>
      <c r="P52" s="6"/>
      <c r="Q52" s="6"/>
      <c r="R52" s="63"/>
      <c r="S52" s="6"/>
      <c r="T52" s="6"/>
      <c r="U52" s="6"/>
      <c r="V52" s="6"/>
      <c r="W52" s="6"/>
    </row>
    <row r="53" spans="2:23" ht="84.75" customHeight="1" x14ac:dyDescent="0.3">
      <c r="B53" s="66"/>
      <c r="C53" s="6"/>
      <c r="D53" s="6"/>
      <c r="E53" s="6"/>
      <c r="F53" s="6"/>
      <c r="G53" s="6"/>
      <c r="H53" s="6"/>
      <c r="I53" s="6"/>
      <c r="J53" s="6"/>
      <c r="K53" s="6"/>
      <c r="L53" s="6"/>
      <c r="M53" s="6"/>
      <c r="N53" s="6"/>
      <c r="O53" s="6"/>
      <c r="P53" s="6"/>
      <c r="Q53" s="6"/>
      <c r="R53" s="63"/>
      <c r="S53" s="6"/>
      <c r="T53" s="6"/>
      <c r="U53" s="6"/>
      <c r="V53" s="6"/>
      <c r="W53" s="6"/>
    </row>
    <row r="54" spans="2:23" ht="84.75" customHeight="1" x14ac:dyDescent="0.3">
      <c r="B54" s="66"/>
      <c r="C54" s="6"/>
      <c r="D54" s="6"/>
      <c r="E54" s="6"/>
      <c r="F54" s="6"/>
      <c r="G54" s="6"/>
      <c r="H54" s="6"/>
      <c r="I54" s="6"/>
      <c r="J54" s="6"/>
      <c r="K54" s="6"/>
      <c r="L54" s="6"/>
      <c r="M54" s="6"/>
      <c r="N54" s="6"/>
      <c r="O54" s="6"/>
      <c r="P54" s="6"/>
      <c r="Q54" s="6"/>
      <c r="R54" s="63"/>
      <c r="S54" s="6"/>
      <c r="T54" s="6"/>
      <c r="U54" s="6"/>
      <c r="V54" s="6"/>
      <c r="W54" s="6"/>
    </row>
    <row r="55" spans="2:23" ht="84.75" customHeight="1" x14ac:dyDescent="0.3">
      <c r="B55" s="66"/>
      <c r="C55" s="6"/>
      <c r="D55" s="6"/>
      <c r="E55" s="6"/>
      <c r="F55" s="6"/>
      <c r="G55" s="6"/>
      <c r="H55" s="6"/>
      <c r="I55" s="6"/>
      <c r="J55" s="6"/>
      <c r="K55" s="6"/>
      <c r="L55" s="6"/>
      <c r="M55" s="6"/>
      <c r="N55" s="6"/>
      <c r="O55" s="6"/>
      <c r="P55" s="6"/>
      <c r="Q55" s="6"/>
      <c r="R55" s="63"/>
      <c r="S55" s="6"/>
      <c r="T55" s="6"/>
      <c r="U55" s="6"/>
      <c r="V55" s="6"/>
      <c r="W55" s="6"/>
    </row>
    <row r="56" spans="2:23" ht="84.75" customHeight="1" x14ac:dyDescent="0.3">
      <c r="B56" s="66"/>
      <c r="C56" s="6"/>
      <c r="D56" s="6"/>
      <c r="E56" s="6"/>
      <c r="F56" s="6"/>
      <c r="G56" s="6"/>
      <c r="H56" s="6"/>
      <c r="I56" s="6"/>
      <c r="J56" s="6"/>
      <c r="K56" s="6"/>
      <c r="L56" s="6"/>
      <c r="M56" s="6"/>
      <c r="N56" s="6"/>
      <c r="O56" s="6"/>
      <c r="P56" s="6"/>
      <c r="Q56" s="6"/>
      <c r="R56" s="63"/>
      <c r="S56" s="6"/>
      <c r="T56" s="6"/>
      <c r="U56" s="6"/>
      <c r="V56" s="6"/>
      <c r="W56" s="6"/>
    </row>
    <row r="57" spans="2:23" ht="84.75" customHeight="1" x14ac:dyDescent="0.3">
      <c r="B57" s="66"/>
      <c r="C57" s="6"/>
      <c r="D57" s="6"/>
      <c r="E57" s="6"/>
      <c r="F57" s="6"/>
      <c r="G57" s="6"/>
      <c r="H57" s="6"/>
      <c r="I57" s="6"/>
      <c r="J57" s="6"/>
      <c r="K57" s="6"/>
      <c r="L57" s="6"/>
      <c r="M57" s="6"/>
      <c r="N57" s="6"/>
      <c r="O57" s="6"/>
      <c r="P57" s="6"/>
      <c r="Q57" s="6"/>
      <c r="R57" s="63"/>
      <c r="S57" s="6"/>
      <c r="T57" s="6"/>
      <c r="U57" s="6"/>
      <c r="V57" s="6"/>
      <c r="W57" s="6"/>
    </row>
    <row r="58" spans="2:23" ht="84.75" customHeight="1" x14ac:dyDescent="0.3">
      <c r="B58" s="66"/>
      <c r="C58" s="6"/>
      <c r="D58" s="6"/>
      <c r="E58" s="6"/>
      <c r="F58" s="6"/>
      <c r="G58" s="6"/>
      <c r="H58" s="6"/>
      <c r="I58" s="6"/>
      <c r="J58" s="6"/>
      <c r="K58" s="6"/>
      <c r="L58" s="6"/>
      <c r="M58" s="6"/>
      <c r="N58" s="6"/>
      <c r="O58" s="6"/>
      <c r="P58" s="6"/>
      <c r="Q58" s="6"/>
      <c r="R58" s="63"/>
      <c r="S58" s="6"/>
      <c r="T58" s="6"/>
      <c r="U58" s="6"/>
      <c r="V58" s="6"/>
      <c r="W58" s="6"/>
    </row>
    <row r="59" spans="2:23" ht="84.75" customHeight="1" x14ac:dyDescent="0.3">
      <c r="B59" s="66"/>
      <c r="C59" s="6"/>
      <c r="D59" s="6"/>
      <c r="E59" s="6"/>
      <c r="F59" s="6"/>
      <c r="G59" s="6"/>
      <c r="H59" s="6"/>
      <c r="I59" s="6"/>
      <c r="J59" s="6"/>
      <c r="K59" s="6"/>
      <c r="L59" s="6"/>
      <c r="M59" s="6"/>
      <c r="N59" s="6"/>
      <c r="O59" s="6"/>
      <c r="P59" s="6"/>
      <c r="Q59" s="6"/>
      <c r="R59" s="63"/>
      <c r="S59" s="6"/>
      <c r="T59" s="6"/>
      <c r="U59" s="6"/>
      <c r="V59" s="6"/>
      <c r="W59" s="6"/>
    </row>
    <row r="60" spans="2:23" ht="84.75" customHeight="1" x14ac:dyDescent="0.3">
      <c r="B60" s="66"/>
      <c r="C60" s="6"/>
      <c r="D60" s="6"/>
      <c r="E60" s="6"/>
      <c r="F60" s="6"/>
      <c r="G60" s="6"/>
      <c r="H60" s="6"/>
      <c r="I60" s="6"/>
      <c r="J60" s="6"/>
      <c r="K60" s="6"/>
      <c r="L60" s="6"/>
      <c r="M60" s="6"/>
      <c r="N60" s="6"/>
      <c r="O60" s="6"/>
      <c r="P60" s="6"/>
      <c r="Q60" s="6"/>
      <c r="R60" s="63"/>
      <c r="S60" s="6"/>
      <c r="T60" s="6"/>
      <c r="U60" s="6"/>
      <c r="V60" s="6"/>
      <c r="W60" s="6"/>
    </row>
    <row r="61" spans="2:23" ht="84.75" customHeight="1" x14ac:dyDescent="0.3">
      <c r="B61" s="66"/>
      <c r="C61" s="6"/>
      <c r="D61" s="6"/>
      <c r="E61" s="6"/>
      <c r="F61" s="6"/>
      <c r="G61" s="6"/>
      <c r="H61" s="6"/>
      <c r="I61" s="6"/>
      <c r="J61" s="6"/>
      <c r="K61" s="6"/>
      <c r="L61" s="6"/>
      <c r="M61" s="6"/>
      <c r="N61" s="6"/>
      <c r="O61" s="6"/>
      <c r="P61" s="6"/>
      <c r="Q61" s="6"/>
      <c r="R61" s="63"/>
      <c r="S61" s="6"/>
      <c r="T61" s="6"/>
      <c r="U61" s="6"/>
      <c r="V61" s="6"/>
      <c r="W61" s="6"/>
    </row>
    <row r="62" spans="2:23" ht="84.75" customHeight="1" x14ac:dyDescent="0.3">
      <c r="B62" s="66"/>
      <c r="C62" s="6"/>
      <c r="D62" s="6"/>
      <c r="E62" s="6"/>
      <c r="F62" s="6"/>
      <c r="G62" s="6"/>
      <c r="H62" s="6"/>
      <c r="I62" s="6"/>
      <c r="J62" s="6"/>
      <c r="K62" s="6"/>
      <c r="L62" s="6"/>
      <c r="M62" s="6"/>
      <c r="N62" s="6"/>
      <c r="O62" s="6"/>
      <c r="P62" s="6"/>
      <c r="Q62" s="6"/>
      <c r="R62" s="63"/>
      <c r="S62" s="6"/>
      <c r="T62" s="6"/>
      <c r="U62" s="6"/>
      <c r="V62" s="6"/>
      <c r="W62" s="6"/>
    </row>
    <row r="63" spans="2:23" ht="84.75" customHeight="1" x14ac:dyDescent="0.3">
      <c r="B63" s="66"/>
      <c r="C63" s="6"/>
      <c r="D63" s="6"/>
      <c r="E63" s="6"/>
      <c r="F63" s="6"/>
      <c r="G63" s="6"/>
      <c r="H63" s="6"/>
      <c r="I63" s="6"/>
      <c r="J63" s="6"/>
      <c r="K63" s="6"/>
      <c r="L63" s="6"/>
      <c r="M63" s="6"/>
      <c r="N63" s="6"/>
      <c r="O63" s="6"/>
      <c r="P63" s="6"/>
      <c r="Q63" s="6"/>
      <c r="R63" s="63"/>
      <c r="S63" s="6"/>
      <c r="T63" s="6"/>
      <c r="U63" s="6"/>
      <c r="V63" s="6"/>
      <c r="W63" s="6"/>
    </row>
    <row r="64" spans="2:23" ht="84.75" customHeight="1" x14ac:dyDescent="0.3">
      <c r="B64" s="66"/>
      <c r="C64" s="6"/>
      <c r="D64" s="6"/>
      <c r="E64" s="6"/>
      <c r="F64" s="6"/>
      <c r="G64" s="6"/>
      <c r="H64" s="6"/>
      <c r="I64" s="6"/>
      <c r="J64" s="6"/>
      <c r="K64" s="6"/>
      <c r="L64" s="6"/>
      <c r="M64" s="6"/>
      <c r="N64" s="6"/>
      <c r="O64" s="6"/>
      <c r="P64" s="6"/>
      <c r="Q64" s="6"/>
      <c r="R64" s="64"/>
      <c r="S64" s="6"/>
      <c r="T64" s="6"/>
      <c r="U64" s="6"/>
      <c r="V64" s="6"/>
      <c r="W64" s="6"/>
    </row>
    <row r="65" spans="2:23" ht="84.75" customHeight="1" x14ac:dyDescent="0.3">
      <c r="B65" s="66"/>
      <c r="C65" s="6"/>
      <c r="D65" s="6"/>
      <c r="E65" s="6"/>
      <c r="F65" s="6"/>
      <c r="G65" s="6"/>
      <c r="H65" s="6"/>
      <c r="I65" s="6"/>
      <c r="J65" s="6"/>
      <c r="K65" s="6"/>
      <c r="L65" s="6"/>
      <c r="M65" s="6"/>
      <c r="N65" s="6"/>
      <c r="O65" s="6"/>
      <c r="P65" s="6"/>
      <c r="Q65" s="6"/>
      <c r="R65" s="64"/>
      <c r="S65" s="6"/>
      <c r="T65" s="6"/>
      <c r="U65" s="6"/>
      <c r="V65" s="6"/>
      <c r="W65" s="6"/>
    </row>
    <row r="66" spans="2:23" ht="84.75" customHeight="1" x14ac:dyDescent="0.3">
      <c r="C66" s="6"/>
      <c r="D66" s="6"/>
      <c r="E66" s="6"/>
      <c r="F66" s="6"/>
      <c r="G66" s="6"/>
      <c r="H66" s="6"/>
      <c r="I66" s="6"/>
      <c r="J66" s="6"/>
      <c r="K66" s="6"/>
      <c r="L66" s="6"/>
      <c r="M66" s="6"/>
      <c r="N66" s="6"/>
      <c r="O66" s="6"/>
      <c r="P66" s="6"/>
      <c r="Q66" s="6"/>
      <c r="R66" s="64"/>
      <c r="S66" s="6"/>
      <c r="T66" s="6"/>
      <c r="U66" s="6"/>
      <c r="V66" s="6"/>
      <c r="W66" s="6"/>
    </row>
    <row r="67" spans="2:23" ht="84.75" customHeight="1" x14ac:dyDescent="0.3">
      <c r="C67" s="6"/>
      <c r="D67" s="6"/>
      <c r="E67" s="6"/>
      <c r="F67" s="6"/>
      <c r="G67" s="6"/>
      <c r="H67" s="6"/>
      <c r="I67" s="6"/>
      <c r="J67" s="6"/>
      <c r="K67" s="6"/>
      <c r="L67" s="6"/>
      <c r="M67" s="6"/>
      <c r="N67" s="6"/>
      <c r="O67" s="6"/>
      <c r="P67" s="6"/>
      <c r="Q67" s="6"/>
      <c r="R67" s="64"/>
      <c r="S67" s="6"/>
      <c r="T67" s="6"/>
      <c r="U67" s="6"/>
      <c r="V67" s="6"/>
      <c r="W67" s="6"/>
    </row>
    <row r="68" spans="2:23" ht="84.75" customHeight="1" x14ac:dyDescent="0.3">
      <c r="C68" s="6"/>
      <c r="D68" s="6"/>
      <c r="E68" s="6"/>
      <c r="F68" s="6"/>
      <c r="G68" s="6"/>
      <c r="H68" s="6"/>
      <c r="I68" s="6"/>
      <c r="J68" s="6"/>
      <c r="K68" s="6"/>
      <c r="L68" s="6"/>
      <c r="M68" s="6"/>
      <c r="N68" s="6"/>
      <c r="O68" s="6"/>
      <c r="P68" s="6"/>
      <c r="Q68" s="6"/>
      <c r="R68" s="64"/>
      <c r="S68" s="6"/>
      <c r="T68" s="6"/>
      <c r="U68" s="6"/>
      <c r="V68" s="6"/>
      <c r="W68" s="6"/>
    </row>
    <row r="69" spans="2:23" ht="84.75" customHeight="1" x14ac:dyDescent="0.3">
      <c r="C69" s="6"/>
      <c r="D69" s="6"/>
      <c r="E69" s="6"/>
      <c r="F69" s="6"/>
      <c r="G69" s="6"/>
      <c r="H69" s="6"/>
      <c r="I69" s="6"/>
      <c r="J69" s="6"/>
      <c r="K69" s="6"/>
      <c r="L69" s="6"/>
      <c r="M69" s="6"/>
      <c r="N69" s="6"/>
      <c r="O69" s="6"/>
      <c r="P69" s="6"/>
      <c r="Q69" s="6"/>
      <c r="R69" s="64"/>
      <c r="S69" s="6"/>
      <c r="T69" s="6"/>
      <c r="U69" s="6"/>
      <c r="V69" s="6"/>
      <c r="W69" s="6"/>
    </row>
    <row r="70" spans="2:23" ht="84.75" customHeight="1" x14ac:dyDescent="0.3">
      <c r="C70" s="6"/>
      <c r="D70" s="6"/>
      <c r="E70" s="6"/>
      <c r="F70" s="6"/>
      <c r="G70" s="6"/>
      <c r="H70" s="6"/>
      <c r="I70" s="6"/>
      <c r="J70" s="6"/>
      <c r="K70" s="6"/>
      <c r="L70" s="6"/>
      <c r="M70" s="6"/>
      <c r="N70" s="6"/>
      <c r="O70" s="6"/>
      <c r="P70" s="6"/>
      <c r="Q70" s="6"/>
      <c r="R70" s="64"/>
      <c r="S70" s="6"/>
      <c r="T70" s="6"/>
      <c r="U70" s="6"/>
      <c r="V70" s="6"/>
      <c r="W70" s="6"/>
    </row>
    <row r="71" spans="2:23" ht="84.75" customHeight="1" x14ac:dyDescent="0.3">
      <c r="C71" s="6"/>
      <c r="D71" s="6"/>
      <c r="E71" s="6"/>
      <c r="F71" s="6"/>
      <c r="G71" s="6"/>
      <c r="H71" s="6"/>
      <c r="I71" s="6"/>
      <c r="J71" s="6"/>
      <c r="K71" s="6"/>
      <c r="L71" s="6"/>
      <c r="M71" s="6"/>
      <c r="N71" s="6"/>
      <c r="O71" s="6"/>
      <c r="P71" s="6"/>
      <c r="Q71" s="6"/>
      <c r="R71" s="6"/>
      <c r="S71" s="6"/>
      <c r="T71" s="6"/>
      <c r="U71" s="6"/>
      <c r="V71" s="6"/>
      <c r="W71" s="6"/>
    </row>
    <row r="72" spans="2:23" ht="84.75" customHeight="1" x14ac:dyDescent="0.3">
      <c r="C72" s="6"/>
      <c r="D72" s="6"/>
      <c r="E72" s="6"/>
      <c r="F72" s="6"/>
      <c r="G72" s="6"/>
      <c r="H72" s="6"/>
      <c r="I72" s="6"/>
      <c r="J72" s="6"/>
      <c r="K72" s="6"/>
      <c r="L72" s="6"/>
      <c r="M72" s="6"/>
      <c r="N72" s="6"/>
      <c r="O72" s="6"/>
      <c r="P72" s="6"/>
      <c r="Q72" s="6"/>
      <c r="R72" s="6"/>
      <c r="S72" s="6"/>
      <c r="T72" s="6"/>
      <c r="U72" s="6"/>
      <c r="V72" s="6"/>
      <c r="W72" s="6"/>
    </row>
    <row r="73" spans="2:23" ht="84.75" customHeight="1" x14ac:dyDescent="0.3">
      <c r="C73" s="6"/>
      <c r="D73" s="6"/>
      <c r="E73" s="6"/>
      <c r="F73" s="6"/>
      <c r="G73" s="6"/>
      <c r="H73" s="6"/>
      <c r="I73" s="6"/>
      <c r="J73" s="6"/>
      <c r="K73" s="6"/>
      <c r="L73" s="6"/>
      <c r="M73" s="6"/>
      <c r="N73" s="6"/>
      <c r="O73" s="6"/>
      <c r="P73" s="6"/>
      <c r="Q73" s="6"/>
      <c r="R73" s="6"/>
      <c r="S73" s="6"/>
      <c r="T73" s="6"/>
      <c r="U73" s="6"/>
      <c r="V73" s="6"/>
      <c r="W73" s="6"/>
    </row>
    <row r="74" spans="2:23" ht="84.75" customHeight="1" x14ac:dyDescent="0.3">
      <c r="C74" s="6"/>
      <c r="D74" s="6"/>
      <c r="E74" s="6"/>
      <c r="F74" s="6"/>
      <c r="G74" s="6"/>
      <c r="H74" s="6"/>
      <c r="I74" s="6"/>
      <c r="J74" s="6"/>
      <c r="K74" s="6"/>
      <c r="L74" s="6"/>
      <c r="M74" s="6"/>
      <c r="N74" s="6"/>
      <c r="O74" s="6"/>
      <c r="P74" s="6"/>
      <c r="Q74" s="6"/>
      <c r="R74" s="6"/>
      <c r="S74" s="6"/>
      <c r="T74" s="6"/>
      <c r="U74" s="6"/>
      <c r="V74" s="6"/>
      <c r="W74" s="6"/>
    </row>
    <row r="75" spans="2:23" ht="84.75" customHeight="1" x14ac:dyDescent="0.3">
      <c r="C75" s="6"/>
      <c r="D75" s="6"/>
      <c r="E75" s="6"/>
      <c r="F75" s="6"/>
      <c r="G75" s="6"/>
      <c r="H75" s="6"/>
      <c r="I75" s="6"/>
      <c r="J75" s="6"/>
      <c r="K75" s="6"/>
      <c r="L75" s="6"/>
      <c r="M75" s="6"/>
      <c r="N75" s="6"/>
      <c r="O75" s="6"/>
      <c r="P75" s="6"/>
      <c r="Q75" s="6"/>
      <c r="R75" s="6"/>
      <c r="S75" s="6"/>
      <c r="T75" s="6"/>
      <c r="U75" s="6"/>
      <c r="V75" s="6"/>
      <c r="W75" s="6"/>
    </row>
    <row r="76" spans="2:23" ht="84.75" customHeight="1" x14ac:dyDescent="0.3">
      <c r="B76" s="6"/>
      <c r="C76" s="6"/>
      <c r="D76" s="6"/>
      <c r="E76" s="6"/>
      <c r="F76" s="6"/>
      <c r="G76" s="6"/>
      <c r="H76" s="6"/>
      <c r="I76" s="6"/>
      <c r="J76" s="6"/>
      <c r="K76" s="6"/>
      <c r="L76" s="6"/>
      <c r="M76" s="6"/>
      <c r="N76" s="6"/>
      <c r="O76" s="6"/>
      <c r="P76" s="6"/>
      <c r="Q76" s="6"/>
      <c r="R76" s="6"/>
      <c r="S76" s="6"/>
      <c r="T76" s="6"/>
      <c r="U76" s="6"/>
      <c r="V76" s="6"/>
      <c r="W76" s="6"/>
    </row>
    <row r="77" spans="2:23" ht="84.75" customHeight="1" x14ac:dyDescent="0.3">
      <c r="B77" s="6"/>
      <c r="C77" s="6"/>
      <c r="D77" s="6"/>
      <c r="E77" s="6"/>
      <c r="F77" s="6"/>
      <c r="G77" s="6"/>
      <c r="H77" s="6"/>
      <c r="I77" s="6"/>
      <c r="J77" s="6"/>
      <c r="K77" s="6"/>
      <c r="L77" s="6"/>
      <c r="M77" s="6"/>
      <c r="N77" s="6"/>
      <c r="O77" s="6"/>
      <c r="P77" s="6"/>
      <c r="Q77" s="6"/>
      <c r="R77" s="6"/>
      <c r="S77" s="6"/>
      <c r="T77" s="6"/>
      <c r="U77" s="6"/>
      <c r="V77" s="6"/>
      <c r="W77" s="6"/>
    </row>
    <row r="78" spans="2:23" ht="84.75" customHeight="1" x14ac:dyDescent="0.3">
      <c r="B78" s="6"/>
      <c r="C78" s="6"/>
      <c r="D78" s="6"/>
      <c r="E78" s="6"/>
      <c r="F78" s="6"/>
      <c r="G78" s="6"/>
      <c r="H78" s="6"/>
      <c r="I78" s="6"/>
      <c r="J78" s="6"/>
      <c r="K78" s="6"/>
      <c r="L78" s="6"/>
      <c r="M78" s="6"/>
      <c r="N78" s="6"/>
      <c r="O78" s="6"/>
      <c r="P78" s="6"/>
      <c r="Q78" s="6"/>
      <c r="R78" s="6"/>
      <c r="S78" s="6"/>
      <c r="T78" s="6"/>
      <c r="U78" s="6"/>
      <c r="V78" s="6"/>
      <c r="W78" s="6"/>
    </row>
    <row r="79" spans="2:23" ht="84.75" customHeight="1" x14ac:dyDescent="0.3">
      <c r="B79" s="6"/>
      <c r="C79" s="6"/>
      <c r="D79" s="6"/>
      <c r="E79" s="6"/>
      <c r="F79" s="6"/>
      <c r="G79" s="6"/>
      <c r="H79" s="6"/>
      <c r="I79" s="6"/>
      <c r="J79" s="6"/>
      <c r="K79" s="6"/>
      <c r="L79" s="6"/>
      <c r="M79" s="6"/>
      <c r="N79" s="6"/>
      <c r="O79" s="6"/>
      <c r="P79" s="6"/>
      <c r="Q79" s="6"/>
      <c r="R79" s="6"/>
      <c r="S79" s="6"/>
      <c r="T79" s="6"/>
      <c r="U79" s="6"/>
      <c r="V79" s="6"/>
      <c r="W79" s="6"/>
    </row>
    <row r="80" spans="2:23" ht="84.75" customHeight="1" x14ac:dyDescent="0.3">
      <c r="B80" s="6"/>
      <c r="C80" s="6"/>
      <c r="D80" s="6"/>
      <c r="E80" s="6"/>
      <c r="F80" s="6"/>
      <c r="G80" s="6"/>
      <c r="H80" s="6"/>
      <c r="I80" s="6"/>
      <c r="J80" s="6"/>
      <c r="K80" s="6"/>
      <c r="L80" s="6"/>
      <c r="M80" s="6"/>
      <c r="N80" s="6"/>
      <c r="O80" s="6"/>
      <c r="P80" s="6"/>
      <c r="Q80" s="6"/>
      <c r="R80" s="6"/>
      <c r="S80" s="6"/>
      <c r="T80" s="6"/>
      <c r="U80" s="6"/>
      <c r="V80" s="6"/>
      <c r="W80" s="6"/>
    </row>
    <row r="81" spans="2:23" ht="84.75" customHeight="1" x14ac:dyDescent="0.3">
      <c r="B81" s="6"/>
      <c r="C81" s="6"/>
      <c r="D81" s="6"/>
      <c r="E81" s="6"/>
      <c r="F81" s="6"/>
      <c r="G81" s="6"/>
      <c r="H81" s="6"/>
      <c r="I81" s="6"/>
      <c r="J81" s="6"/>
      <c r="K81" s="6"/>
      <c r="L81" s="6"/>
      <c r="M81" s="6"/>
      <c r="N81" s="6"/>
      <c r="O81" s="6"/>
      <c r="P81" s="6"/>
      <c r="Q81" s="6"/>
      <c r="R81" s="6"/>
      <c r="S81" s="6"/>
      <c r="T81" s="6"/>
      <c r="U81" s="6"/>
      <c r="V81" s="6"/>
      <c r="W81" s="6"/>
    </row>
    <row r="82" spans="2:23" ht="84.75" customHeight="1" x14ac:dyDescent="0.3">
      <c r="B82" s="6"/>
      <c r="C82" s="6"/>
      <c r="D82" s="6"/>
      <c r="E82" s="6"/>
      <c r="F82" s="6"/>
      <c r="G82" s="6"/>
      <c r="H82" s="6"/>
      <c r="I82" s="6"/>
      <c r="J82" s="6"/>
      <c r="K82" s="6"/>
      <c r="L82" s="6"/>
      <c r="M82" s="6"/>
      <c r="N82" s="6"/>
      <c r="O82" s="6"/>
      <c r="P82" s="6"/>
      <c r="Q82" s="6"/>
      <c r="R82" s="6"/>
      <c r="S82" s="6"/>
      <c r="T82" s="6"/>
      <c r="U82" s="6"/>
      <c r="V82" s="6"/>
      <c r="W82" s="6"/>
    </row>
    <row r="83" spans="2:23" ht="84.75" customHeight="1" x14ac:dyDescent="0.3">
      <c r="B83" s="6"/>
      <c r="C83" s="6"/>
      <c r="D83" s="6"/>
      <c r="E83" s="6"/>
      <c r="F83" s="6"/>
      <c r="G83" s="6"/>
      <c r="H83" s="6"/>
      <c r="I83" s="6"/>
      <c r="J83" s="6"/>
      <c r="K83" s="6"/>
      <c r="L83" s="6"/>
      <c r="M83" s="6"/>
      <c r="N83" s="6"/>
      <c r="O83" s="6"/>
      <c r="P83" s="6"/>
      <c r="Q83" s="6"/>
      <c r="R83" s="6"/>
      <c r="S83" s="6"/>
      <c r="T83" s="6"/>
      <c r="U83" s="6"/>
      <c r="V83" s="6"/>
      <c r="W83" s="6"/>
    </row>
    <row r="84" spans="2:23" ht="84.75" customHeight="1" x14ac:dyDescent="0.3">
      <c r="B84" s="6"/>
      <c r="C84" s="6"/>
      <c r="D84" s="6"/>
      <c r="E84" s="6"/>
      <c r="F84" s="6"/>
      <c r="G84" s="6"/>
      <c r="H84" s="6"/>
      <c r="I84" s="6"/>
      <c r="J84" s="6"/>
      <c r="K84" s="6"/>
      <c r="L84" s="6"/>
      <c r="M84" s="6"/>
      <c r="N84" s="6"/>
      <c r="O84" s="6"/>
      <c r="P84" s="6"/>
      <c r="Q84" s="6"/>
      <c r="R84" s="6"/>
      <c r="S84" s="6"/>
      <c r="T84" s="6"/>
      <c r="U84" s="6"/>
      <c r="V84" s="6"/>
      <c r="W84" s="6"/>
    </row>
    <row r="85" spans="2:23" ht="84.75" customHeight="1" x14ac:dyDescent="0.3">
      <c r="B85" s="6"/>
      <c r="C85" s="6"/>
      <c r="D85" s="6"/>
      <c r="E85" s="6"/>
      <c r="F85" s="6"/>
      <c r="G85" s="6"/>
      <c r="H85" s="6"/>
      <c r="I85" s="6"/>
      <c r="J85" s="6"/>
      <c r="K85" s="6"/>
      <c r="L85" s="6"/>
      <c r="M85" s="6"/>
      <c r="N85" s="6"/>
      <c r="O85" s="6"/>
      <c r="P85" s="6"/>
      <c r="Q85" s="6"/>
      <c r="R85" s="6"/>
      <c r="S85" s="6"/>
      <c r="T85" s="6"/>
      <c r="U85" s="6"/>
      <c r="V85" s="6"/>
      <c r="W85" s="6"/>
    </row>
    <row r="86" spans="2:23" ht="84.75" customHeight="1" x14ac:dyDescent="0.3">
      <c r="B86" s="6"/>
      <c r="C86" s="6"/>
      <c r="D86" s="6"/>
      <c r="E86" s="6"/>
      <c r="F86" s="6"/>
      <c r="G86" s="6"/>
      <c r="H86" s="6"/>
      <c r="I86" s="6"/>
      <c r="J86" s="6"/>
      <c r="K86" s="6"/>
      <c r="L86" s="6"/>
      <c r="M86" s="6"/>
      <c r="N86" s="6"/>
      <c r="O86" s="6"/>
      <c r="P86" s="6"/>
      <c r="Q86" s="6"/>
      <c r="R86" s="6"/>
      <c r="S86" s="6"/>
      <c r="T86" s="6"/>
      <c r="U86" s="6"/>
      <c r="V86" s="6"/>
      <c r="W86" s="6"/>
    </row>
    <row r="87" spans="2:23" ht="84.75" customHeight="1" x14ac:dyDescent="0.3">
      <c r="B87" s="6"/>
      <c r="C87" s="6"/>
      <c r="D87" s="6"/>
      <c r="E87" s="6"/>
      <c r="F87" s="6"/>
      <c r="G87" s="6"/>
      <c r="H87" s="6"/>
      <c r="I87" s="6"/>
      <c r="J87" s="6"/>
      <c r="K87" s="6"/>
      <c r="L87" s="6"/>
      <c r="M87" s="6"/>
      <c r="N87" s="6"/>
      <c r="O87" s="6"/>
      <c r="P87" s="6"/>
      <c r="Q87" s="6"/>
      <c r="R87" s="6"/>
      <c r="S87" s="6"/>
      <c r="T87" s="6"/>
      <c r="U87" s="6"/>
      <c r="V87" s="6"/>
      <c r="W87" s="6"/>
    </row>
    <row r="88" spans="2:23" ht="84.75" customHeight="1" x14ac:dyDescent="0.3">
      <c r="B88" s="6"/>
      <c r="C88" s="6"/>
      <c r="D88" s="6"/>
      <c r="E88" s="6"/>
      <c r="F88" s="6"/>
      <c r="G88" s="6"/>
      <c r="H88" s="6"/>
      <c r="I88" s="6"/>
      <c r="J88" s="6"/>
      <c r="K88" s="6"/>
      <c r="L88" s="6"/>
      <c r="M88" s="6"/>
      <c r="N88" s="6"/>
      <c r="O88" s="6"/>
      <c r="P88" s="6"/>
      <c r="Q88" s="6"/>
      <c r="R88" s="6"/>
      <c r="S88" s="6"/>
      <c r="T88" s="6"/>
      <c r="U88" s="6"/>
      <c r="V88" s="6"/>
      <c r="W88" s="6"/>
    </row>
    <row r="89" spans="2:23" ht="84.75" customHeight="1" x14ac:dyDescent="0.3">
      <c r="B89" s="6"/>
      <c r="C89" s="6"/>
      <c r="D89" s="6"/>
      <c r="E89" s="6"/>
      <c r="F89" s="6"/>
      <c r="G89" s="6"/>
      <c r="H89" s="6"/>
      <c r="I89" s="6"/>
      <c r="J89" s="6"/>
      <c r="K89" s="6"/>
      <c r="L89" s="6"/>
      <c r="M89" s="6"/>
      <c r="N89" s="6"/>
      <c r="O89" s="6"/>
      <c r="P89" s="6"/>
      <c r="Q89" s="6"/>
      <c r="R89" s="6"/>
      <c r="S89" s="6"/>
      <c r="T89" s="6"/>
      <c r="U89" s="6"/>
      <c r="V89" s="6"/>
      <c r="W89" s="6"/>
    </row>
    <row r="90" spans="2:23" ht="84.75" customHeight="1" x14ac:dyDescent="0.3">
      <c r="B90" s="6"/>
      <c r="C90" s="6"/>
      <c r="D90" s="6"/>
      <c r="E90" s="6"/>
      <c r="F90" s="6"/>
      <c r="G90" s="6"/>
      <c r="H90" s="6"/>
      <c r="I90" s="6"/>
      <c r="J90" s="6"/>
      <c r="K90" s="6"/>
      <c r="L90" s="6"/>
      <c r="M90" s="6"/>
      <c r="N90" s="6"/>
      <c r="O90" s="6"/>
      <c r="P90" s="6"/>
      <c r="Q90" s="6"/>
      <c r="R90" s="6"/>
      <c r="S90" s="6"/>
      <c r="T90" s="6"/>
      <c r="U90" s="6"/>
      <c r="V90" s="6"/>
      <c r="W90" s="6"/>
    </row>
    <row r="91" spans="2:23" ht="84.75" customHeight="1" x14ac:dyDescent="0.3">
      <c r="B91" s="6"/>
      <c r="C91" s="6"/>
      <c r="D91" s="6"/>
      <c r="E91" s="6"/>
      <c r="F91" s="6"/>
      <c r="G91" s="6"/>
      <c r="H91" s="6"/>
      <c r="I91" s="6"/>
      <c r="J91" s="6"/>
      <c r="K91" s="6"/>
      <c r="L91" s="6"/>
      <c r="M91" s="6"/>
      <c r="N91" s="6"/>
      <c r="O91" s="6"/>
      <c r="P91" s="6"/>
      <c r="Q91" s="6"/>
      <c r="R91" s="6"/>
      <c r="S91" s="6"/>
      <c r="T91" s="6"/>
      <c r="U91" s="6"/>
      <c r="V91" s="6"/>
      <c r="W91" s="6"/>
    </row>
    <row r="92" spans="2:23" ht="84.75" customHeight="1" x14ac:dyDescent="0.3">
      <c r="B92" s="6"/>
      <c r="C92" s="6"/>
      <c r="D92" s="6"/>
      <c r="E92" s="6"/>
      <c r="F92" s="6"/>
      <c r="G92" s="6"/>
      <c r="H92" s="6"/>
      <c r="I92" s="6"/>
      <c r="J92" s="6"/>
      <c r="K92" s="6"/>
      <c r="L92" s="6"/>
      <c r="M92" s="6"/>
      <c r="N92" s="6"/>
      <c r="O92" s="6"/>
      <c r="P92" s="6"/>
      <c r="Q92" s="6"/>
      <c r="R92" s="6"/>
      <c r="S92" s="6"/>
      <c r="T92" s="6"/>
      <c r="U92" s="6"/>
      <c r="V92" s="6"/>
      <c r="W92" s="6"/>
    </row>
    <row r="93" spans="2:23" ht="84.75" customHeight="1" x14ac:dyDescent="0.3">
      <c r="B93" s="6"/>
      <c r="C93" s="6"/>
      <c r="D93" s="6"/>
      <c r="E93" s="6"/>
      <c r="F93" s="6"/>
      <c r="G93" s="6"/>
      <c r="H93" s="6"/>
      <c r="I93" s="6"/>
      <c r="J93" s="6"/>
      <c r="K93" s="6"/>
      <c r="L93" s="6"/>
      <c r="M93" s="6"/>
      <c r="N93" s="6"/>
      <c r="O93" s="6"/>
      <c r="P93" s="6"/>
      <c r="Q93" s="6"/>
      <c r="R93" s="6"/>
      <c r="S93" s="6"/>
      <c r="T93" s="6"/>
      <c r="U93" s="6"/>
      <c r="V93" s="6"/>
      <c r="W93" s="6"/>
    </row>
    <row r="94" spans="2:23" ht="84.75" customHeight="1" x14ac:dyDescent="0.3">
      <c r="B94" s="6"/>
      <c r="C94" s="6"/>
      <c r="D94" s="6"/>
      <c r="E94" s="6"/>
      <c r="F94" s="6"/>
      <c r="G94" s="6"/>
      <c r="H94" s="6"/>
      <c r="I94" s="6"/>
      <c r="J94" s="6"/>
      <c r="K94" s="6"/>
      <c r="L94" s="6"/>
      <c r="M94" s="6"/>
      <c r="N94" s="6"/>
      <c r="O94" s="6"/>
      <c r="P94" s="6"/>
      <c r="Q94" s="6"/>
      <c r="R94" s="6"/>
      <c r="S94" s="6"/>
      <c r="T94" s="6"/>
      <c r="U94" s="6"/>
      <c r="V94" s="6"/>
      <c r="W94" s="6"/>
    </row>
    <row r="95" spans="2:23" ht="84.75" customHeight="1" x14ac:dyDescent="0.3">
      <c r="B95" s="6"/>
      <c r="C95" s="6"/>
      <c r="D95" s="6"/>
      <c r="E95" s="6"/>
      <c r="F95" s="6"/>
      <c r="G95" s="6"/>
      <c r="H95" s="6"/>
      <c r="I95" s="6"/>
      <c r="J95" s="6"/>
      <c r="K95" s="6"/>
      <c r="L95" s="6"/>
      <c r="M95" s="6"/>
      <c r="N95" s="6"/>
      <c r="O95" s="6"/>
      <c r="P95" s="6"/>
      <c r="Q95" s="6"/>
      <c r="R95" s="6"/>
      <c r="S95" s="6"/>
      <c r="T95" s="6"/>
      <c r="U95" s="6"/>
      <c r="V95" s="6"/>
      <c r="W95" s="6"/>
    </row>
    <row r="96" spans="2:23" ht="84.75" customHeight="1" x14ac:dyDescent="0.3">
      <c r="B96" s="6"/>
      <c r="C96" s="6"/>
      <c r="D96" s="6"/>
      <c r="E96" s="6"/>
      <c r="F96" s="6"/>
      <c r="G96" s="6"/>
      <c r="H96" s="6"/>
      <c r="I96" s="6"/>
      <c r="J96" s="6"/>
      <c r="K96" s="6"/>
      <c r="L96" s="6"/>
      <c r="M96" s="6"/>
      <c r="N96" s="6"/>
      <c r="O96" s="6"/>
      <c r="P96" s="6"/>
      <c r="Q96" s="6"/>
      <c r="R96" s="6"/>
      <c r="S96" s="6"/>
      <c r="T96" s="6"/>
      <c r="U96" s="6"/>
      <c r="V96" s="6"/>
      <c r="W96" s="6"/>
    </row>
    <row r="97" spans="2:23" ht="84.75" customHeight="1" x14ac:dyDescent="0.3">
      <c r="B97" s="6"/>
      <c r="C97" s="6"/>
      <c r="D97" s="6"/>
      <c r="E97" s="6"/>
      <c r="F97" s="6"/>
      <c r="G97" s="6"/>
      <c r="H97" s="6"/>
      <c r="I97" s="6"/>
      <c r="J97" s="6"/>
      <c r="K97" s="6"/>
      <c r="L97" s="6"/>
      <c r="M97" s="6"/>
      <c r="N97" s="6"/>
      <c r="O97" s="6"/>
      <c r="P97" s="6"/>
      <c r="Q97" s="6"/>
      <c r="R97" s="6"/>
      <c r="S97" s="6"/>
      <c r="T97" s="6"/>
      <c r="U97" s="6"/>
      <c r="V97" s="6"/>
      <c r="W97" s="6"/>
    </row>
    <row r="98" spans="2:23" ht="84.75" customHeight="1" x14ac:dyDescent="0.3">
      <c r="B98" s="6"/>
      <c r="C98" s="6"/>
      <c r="D98" s="6"/>
      <c r="E98" s="6"/>
      <c r="F98" s="6"/>
      <c r="G98" s="6"/>
      <c r="H98" s="6"/>
      <c r="I98" s="6"/>
      <c r="J98" s="6"/>
      <c r="K98" s="6"/>
      <c r="L98" s="6"/>
      <c r="M98" s="6"/>
      <c r="N98" s="6"/>
      <c r="O98" s="6"/>
      <c r="P98" s="6"/>
      <c r="Q98" s="6"/>
      <c r="R98" s="6"/>
      <c r="S98" s="6"/>
      <c r="T98" s="6"/>
      <c r="U98" s="6"/>
      <c r="V98" s="6"/>
      <c r="W98" s="6"/>
    </row>
    <row r="99" spans="2:23" ht="84.75" customHeight="1" x14ac:dyDescent="0.3">
      <c r="B99" s="6"/>
      <c r="C99" s="6"/>
      <c r="D99" s="6"/>
      <c r="E99" s="6"/>
      <c r="F99" s="6"/>
      <c r="G99" s="6"/>
      <c r="H99" s="6"/>
      <c r="I99" s="6"/>
      <c r="J99" s="6"/>
      <c r="K99" s="6"/>
      <c r="L99" s="6"/>
      <c r="M99" s="6"/>
      <c r="N99" s="6"/>
      <c r="O99" s="6"/>
      <c r="P99" s="6"/>
      <c r="Q99" s="6"/>
      <c r="R99" s="6"/>
      <c r="S99" s="6"/>
      <c r="T99" s="6"/>
      <c r="U99" s="6"/>
      <c r="V99" s="6"/>
      <c r="W99" s="6"/>
    </row>
    <row r="100" spans="2:23" ht="84.75" customHeight="1" x14ac:dyDescent="0.3">
      <c r="B100" s="6"/>
      <c r="C100" s="6"/>
      <c r="D100" s="6"/>
      <c r="E100" s="6"/>
      <c r="F100" s="6"/>
      <c r="G100" s="6"/>
      <c r="H100" s="6"/>
      <c r="I100" s="6"/>
      <c r="J100" s="6"/>
      <c r="K100" s="6"/>
      <c r="L100" s="6"/>
      <c r="M100" s="6"/>
      <c r="N100" s="6"/>
      <c r="O100" s="6"/>
      <c r="P100" s="6"/>
      <c r="Q100" s="6"/>
      <c r="R100" s="6"/>
      <c r="S100" s="6"/>
      <c r="T100" s="6"/>
      <c r="U100" s="6"/>
      <c r="V100" s="6"/>
      <c r="W100" s="6"/>
    </row>
    <row r="101" spans="2:23" ht="84.75" customHeight="1" x14ac:dyDescent="0.3">
      <c r="B101" s="6"/>
      <c r="C101" s="6"/>
      <c r="D101" s="6"/>
      <c r="E101" s="6"/>
      <c r="F101" s="6"/>
      <c r="G101" s="6"/>
      <c r="H101" s="6"/>
      <c r="I101" s="6"/>
      <c r="J101" s="6"/>
      <c r="K101" s="6"/>
      <c r="L101" s="6"/>
      <c r="M101" s="6"/>
      <c r="N101" s="6"/>
      <c r="O101" s="6"/>
      <c r="P101" s="6"/>
      <c r="Q101" s="6"/>
      <c r="R101" s="6"/>
      <c r="S101" s="6"/>
      <c r="T101" s="6"/>
      <c r="U101" s="6"/>
      <c r="V101" s="6"/>
      <c r="W101" s="6"/>
    </row>
    <row r="102" spans="2:23" ht="84.75" customHeight="1" x14ac:dyDescent="0.3">
      <c r="B102" s="6"/>
      <c r="C102" s="6"/>
      <c r="D102" s="6"/>
      <c r="E102" s="6"/>
      <c r="F102" s="6"/>
      <c r="G102" s="6"/>
      <c r="H102" s="6"/>
      <c r="I102" s="6"/>
      <c r="J102" s="6"/>
      <c r="K102" s="6"/>
      <c r="L102" s="6"/>
      <c r="M102" s="6"/>
      <c r="N102" s="6"/>
      <c r="O102" s="6"/>
      <c r="P102" s="6"/>
      <c r="Q102" s="6"/>
      <c r="R102" s="6"/>
      <c r="S102" s="6"/>
      <c r="T102" s="6"/>
      <c r="U102" s="6"/>
      <c r="V102" s="6"/>
      <c r="W102" s="6"/>
    </row>
    <row r="103" spans="2:23" ht="84.75" customHeight="1" x14ac:dyDescent="0.3">
      <c r="B103" s="6"/>
      <c r="C103" s="6"/>
      <c r="D103" s="6"/>
      <c r="E103" s="6"/>
      <c r="F103" s="6"/>
      <c r="G103" s="6"/>
      <c r="H103" s="6"/>
      <c r="I103" s="6"/>
      <c r="J103" s="6"/>
      <c r="K103" s="6"/>
      <c r="L103" s="6"/>
      <c r="M103" s="6"/>
      <c r="N103" s="6"/>
      <c r="O103" s="6"/>
      <c r="P103" s="6"/>
      <c r="Q103" s="6"/>
      <c r="R103" s="6"/>
      <c r="S103" s="6"/>
      <c r="T103" s="6"/>
      <c r="U103" s="6"/>
      <c r="V103" s="6"/>
      <c r="W103" s="6"/>
    </row>
    <row r="104" spans="2:23" ht="84.75" customHeight="1" x14ac:dyDescent="0.3">
      <c r="B104" s="6"/>
      <c r="C104" s="6"/>
      <c r="D104" s="6"/>
      <c r="E104" s="6"/>
      <c r="F104" s="6"/>
      <c r="G104" s="6"/>
      <c r="H104" s="6"/>
      <c r="I104" s="6"/>
      <c r="J104" s="6"/>
      <c r="K104" s="6"/>
      <c r="L104" s="6"/>
      <c r="M104" s="6"/>
      <c r="N104" s="6"/>
      <c r="O104" s="6"/>
      <c r="P104" s="6"/>
      <c r="Q104" s="6"/>
      <c r="R104" s="6"/>
      <c r="S104" s="6"/>
      <c r="T104" s="6"/>
      <c r="U104" s="6"/>
      <c r="V104" s="6"/>
      <c r="W104" s="6"/>
    </row>
    <row r="105" spans="2:23" ht="84.75" customHeight="1" x14ac:dyDescent="0.3">
      <c r="B105" s="6"/>
      <c r="C105" s="6"/>
      <c r="D105" s="6"/>
      <c r="E105" s="6"/>
      <c r="F105" s="6"/>
      <c r="G105" s="6"/>
      <c r="H105" s="6"/>
      <c r="I105" s="6"/>
      <c r="J105" s="6"/>
      <c r="K105" s="6"/>
      <c r="L105" s="6"/>
      <c r="M105" s="6"/>
      <c r="N105" s="6"/>
      <c r="O105" s="6"/>
      <c r="P105" s="6"/>
      <c r="Q105" s="6"/>
      <c r="R105" s="6"/>
      <c r="S105" s="6"/>
      <c r="T105" s="6"/>
      <c r="U105" s="6"/>
      <c r="V105" s="6"/>
      <c r="W105" s="6"/>
    </row>
    <row r="106" spans="2:23" ht="84.75" customHeight="1" x14ac:dyDescent="0.3">
      <c r="B106" s="6"/>
      <c r="C106" s="6"/>
      <c r="D106" s="6"/>
      <c r="E106" s="6"/>
      <c r="F106" s="6"/>
      <c r="G106" s="6"/>
      <c r="H106" s="6"/>
      <c r="I106" s="6"/>
      <c r="J106" s="6"/>
      <c r="K106" s="6"/>
      <c r="L106" s="6"/>
      <c r="M106" s="6"/>
      <c r="N106" s="6"/>
      <c r="O106" s="6"/>
      <c r="P106" s="6"/>
      <c r="Q106" s="6"/>
      <c r="R106" s="6"/>
      <c r="S106" s="6"/>
      <c r="T106" s="6"/>
      <c r="U106" s="6"/>
      <c r="V106" s="6"/>
      <c r="W106" s="6"/>
    </row>
    <row r="107" spans="2:23" ht="84.75" customHeight="1" x14ac:dyDescent="0.3">
      <c r="B107" s="6"/>
      <c r="C107" s="6"/>
      <c r="D107" s="6"/>
      <c r="E107" s="6"/>
      <c r="F107" s="6"/>
      <c r="G107" s="6"/>
      <c r="H107" s="6"/>
      <c r="I107" s="6"/>
      <c r="J107" s="6"/>
      <c r="K107" s="6"/>
      <c r="L107" s="6"/>
      <c r="M107" s="6"/>
      <c r="N107" s="6"/>
      <c r="O107" s="6"/>
      <c r="P107" s="6"/>
      <c r="Q107" s="6"/>
      <c r="R107" s="6"/>
      <c r="S107" s="6"/>
      <c r="T107" s="6"/>
      <c r="U107" s="6"/>
      <c r="V107" s="6"/>
      <c r="W107" s="6"/>
    </row>
    <row r="108" spans="2:23" ht="84.75" customHeight="1" x14ac:dyDescent="0.3">
      <c r="B108" s="6"/>
      <c r="C108" s="6"/>
      <c r="D108" s="6"/>
      <c r="E108" s="6"/>
      <c r="F108" s="6"/>
      <c r="G108" s="6"/>
      <c r="H108" s="6"/>
      <c r="I108" s="6"/>
      <c r="J108" s="6"/>
      <c r="K108" s="6"/>
      <c r="L108" s="6"/>
      <c r="M108" s="6"/>
      <c r="N108" s="6"/>
      <c r="O108" s="6"/>
      <c r="P108" s="6"/>
      <c r="Q108" s="6"/>
      <c r="R108" s="6"/>
      <c r="S108" s="6"/>
      <c r="T108" s="6"/>
      <c r="U108" s="6"/>
      <c r="V108" s="6"/>
      <c r="W108" s="6"/>
    </row>
    <row r="109" spans="2:23" ht="84.75" customHeight="1" x14ac:dyDescent="0.3">
      <c r="B109" s="6"/>
      <c r="C109" s="6"/>
      <c r="D109" s="6"/>
      <c r="E109" s="6"/>
      <c r="F109" s="6"/>
      <c r="G109" s="6"/>
      <c r="H109" s="6"/>
      <c r="I109" s="6"/>
      <c r="J109" s="6"/>
      <c r="K109" s="6"/>
      <c r="L109" s="6"/>
      <c r="M109" s="6"/>
      <c r="N109" s="6"/>
      <c r="O109" s="6"/>
      <c r="P109" s="6"/>
      <c r="Q109" s="6"/>
      <c r="R109" s="6"/>
      <c r="S109" s="6"/>
      <c r="T109" s="6"/>
      <c r="U109" s="6"/>
      <c r="V109" s="6"/>
      <c r="W109" s="6"/>
    </row>
  </sheetData>
  <dataValidations xWindow="323" yWindow="466" count="1">
    <dataValidation type="list" errorStyle="information" allowBlank="1" showInputMessage="1" promptTitle="Rights" prompt="Choose option from drop-down box or enter alternative rights information" sqref="R3:R20">
      <formula1>Rights</formula1>
    </dataValidation>
  </dataValidations>
  <hyperlinks>
    <hyperlink ref="N1" location="'IBRA and NRM Regions'!A1" display="NRM/LLS Regions"/>
    <hyperlink ref="O1" location="'IBRA Map'!A1" display="Bioregions (IBRA)"/>
    <hyperlink ref="H1" location="'Terra Nova Sectors'!A1" display="Sector focus"/>
    <hyperlink ref="I1" location="'Thematic tags vocabularies'!A1" display="Thematic Tags"/>
  </hyperlinks>
  <pageMargins left="0.7" right="0.7" top="0.75" bottom="0.75" header="0.3" footer="0.3"/>
  <pageSetup paperSize="9" orientation="portrait" r:id="rId1"/>
  <drawing r:id="rId2"/>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A9"/>
  <sheetViews>
    <sheetView workbookViewId="0"/>
  </sheetViews>
  <sheetFormatPr defaultRowHeight="14.4" x14ac:dyDescent="0.3"/>
  <cols>
    <col min="1" max="1" width="43.109375" customWidth="1"/>
  </cols>
  <sheetData>
    <row r="1" spans="1:1" x14ac:dyDescent="0.3">
      <c r="A1" s="72" t="s">
        <v>469</v>
      </c>
    </row>
    <row r="2" spans="1:1" x14ac:dyDescent="0.3">
      <c r="A2" s="9" t="s">
        <v>22</v>
      </c>
    </row>
    <row r="3" spans="1:1" x14ac:dyDescent="0.3">
      <c r="A3" t="s">
        <v>24</v>
      </c>
    </row>
    <row r="4" spans="1:1" x14ac:dyDescent="0.3">
      <c r="A4" s="31" t="s">
        <v>25</v>
      </c>
    </row>
    <row r="5" spans="1:1" x14ac:dyDescent="0.3">
      <c r="A5" s="31" t="s">
        <v>26</v>
      </c>
    </row>
    <row r="6" spans="1:1" x14ac:dyDescent="0.3">
      <c r="A6" t="s">
        <v>27</v>
      </c>
    </row>
    <row r="7" spans="1:1" x14ac:dyDescent="0.3">
      <c r="A7" t="s">
        <v>28</v>
      </c>
    </row>
    <row r="8" spans="1:1" x14ac:dyDescent="0.3">
      <c r="A8" t="s">
        <v>29</v>
      </c>
    </row>
    <row r="9" spans="1:1" x14ac:dyDescent="0.3">
      <c r="A9" t="s">
        <v>30</v>
      </c>
    </row>
  </sheetData>
  <pageMargins left="0.7" right="0.7" top="0.75" bottom="0.75" header="0.3" footer="0.3"/>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F92"/>
  <sheetViews>
    <sheetView workbookViewId="0"/>
  </sheetViews>
  <sheetFormatPr defaultRowHeight="14.4" x14ac:dyDescent="0.3"/>
  <cols>
    <col min="1" max="1" width="11.88671875" customWidth="1"/>
    <col min="2" max="2" width="23.44140625" customWidth="1"/>
    <col min="4" max="4" width="32.33203125" customWidth="1"/>
    <col min="6" max="6" width="37.6640625" style="68" customWidth="1"/>
    <col min="7" max="7" width="36.33203125" customWidth="1"/>
  </cols>
  <sheetData>
    <row r="1" spans="1:6" s="7" customFormat="1" ht="28.8" x14ac:dyDescent="0.3">
      <c r="A1" s="71" t="s">
        <v>552</v>
      </c>
      <c r="B1" s="71" t="s">
        <v>551</v>
      </c>
      <c r="C1" s="75"/>
      <c r="D1" s="71" t="s">
        <v>549</v>
      </c>
      <c r="E1" s="75"/>
      <c r="F1" s="76" t="s">
        <v>550</v>
      </c>
    </row>
    <row r="2" spans="1:6" x14ac:dyDescent="0.3">
      <c r="A2" t="s">
        <v>222</v>
      </c>
      <c r="B2" t="s">
        <v>311</v>
      </c>
      <c r="D2" s="8" t="s">
        <v>401</v>
      </c>
      <c r="F2" s="67" t="s">
        <v>401</v>
      </c>
    </row>
    <row r="3" spans="1:6" x14ac:dyDescent="0.3">
      <c r="A3" t="s">
        <v>223</v>
      </c>
      <c r="B3" t="s">
        <v>312</v>
      </c>
      <c r="D3" t="s">
        <v>402</v>
      </c>
      <c r="F3" s="69" t="s">
        <v>401</v>
      </c>
    </row>
    <row r="4" spans="1:6" x14ac:dyDescent="0.3">
      <c r="A4" t="s">
        <v>224</v>
      </c>
      <c r="B4" t="s">
        <v>313</v>
      </c>
    </row>
    <row r="5" spans="1:6" x14ac:dyDescent="0.3">
      <c r="A5" t="s">
        <v>225</v>
      </c>
      <c r="B5" t="s">
        <v>314</v>
      </c>
      <c r="D5" s="8" t="s">
        <v>403</v>
      </c>
      <c r="F5" s="67" t="s">
        <v>530</v>
      </c>
    </row>
    <row r="6" spans="1:6" x14ac:dyDescent="0.3">
      <c r="A6" t="s">
        <v>226</v>
      </c>
      <c r="B6" t="s">
        <v>315</v>
      </c>
      <c r="D6" t="s">
        <v>404</v>
      </c>
      <c r="F6" s="69" t="s">
        <v>531</v>
      </c>
    </row>
    <row r="7" spans="1:6" x14ac:dyDescent="0.3">
      <c r="A7" t="s">
        <v>227</v>
      </c>
      <c r="B7" t="s">
        <v>316</v>
      </c>
      <c r="D7" t="s">
        <v>405</v>
      </c>
      <c r="F7" s="69" t="s">
        <v>405</v>
      </c>
    </row>
    <row r="8" spans="1:6" x14ac:dyDescent="0.3">
      <c r="A8" t="s">
        <v>228</v>
      </c>
      <c r="B8" t="s">
        <v>317</v>
      </c>
      <c r="D8" t="s">
        <v>406</v>
      </c>
      <c r="F8" s="69" t="s">
        <v>532</v>
      </c>
    </row>
    <row r="9" spans="1:6" x14ac:dyDescent="0.3">
      <c r="A9" t="s">
        <v>229</v>
      </c>
      <c r="B9" t="s">
        <v>318</v>
      </c>
      <c r="D9" t="s">
        <v>407</v>
      </c>
      <c r="F9" s="69" t="s">
        <v>533</v>
      </c>
    </row>
    <row r="10" spans="1:6" x14ac:dyDescent="0.3">
      <c r="A10" t="s">
        <v>230</v>
      </c>
      <c r="B10" t="s">
        <v>319</v>
      </c>
      <c r="D10" t="s">
        <v>408</v>
      </c>
      <c r="F10" s="69" t="s">
        <v>410</v>
      </c>
    </row>
    <row r="11" spans="1:6" x14ac:dyDescent="0.3">
      <c r="A11" t="s">
        <v>231</v>
      </c>
      <c r="B11" t="s">
        <v>320</v>
      </c>
      <c r="D11" t="s">
        <v>409</v>
      </c>
      <c r="F11" s="69" t="s">
        <v>534</v>
      </c>
    </row>
    <row r="12" spans="1:6" x14ac:dyDescent="0.3">
      <c r="A12" t="s">
        <v>232</v>
      </c>
      <c r="B12" t="s">
        <v>321</v>
      </c>
      <c r="D12" t="s">
        <v>410</v>
      </c>
      <c r="F12" s="69" t="s">
        <v>442</v>
      </c>
    </row>
    <row r="13" spans="1:6" x14ac:dyDescent="0.3">
      <c r="A13" t="s">
        <v>233</v>
      </c>
      <c r="B13" t="s">
        <v>322</v>
      </c>
      <c r="D13" t="s">
        <v>411</v>
      </c>
      <c r="F13" s="69" t="s">
        <v>535</v>
      </c>
    </row>
    <row r="14" spans="1:6" x14ac:dyDescent="0.3">
      <c r="A14" t="s">
        <v>234</v>
      </c>
      <c r="B14" t="s">
        <v>323</v>
      </c>
      <c r="D14" t="s">
        <v>412</v>
      </c>
      <c r="F14" s="69" t="s">
        <v>375</v>
      </c>
    </row>
    <row r="15" spans="1:6" x14ac:dyDescent="0.3">
      <c r="A15" t="s">
        <v>235</v>
      </c>
      <c r="B15" t="s">
        <v>324</v>
      </c>
      <c r="D15" t="s">
        <v>413</v>
      </c>
      <c r="F15" s="69" t="s">
        <v>440</v>
      </c>
    </row>
    <row r="16" spans="1:6" x14ac:dyDescent="0.3">
      <c r="A16" t="s">
        <v>236</v>
      </c>
      <c r="B16" t="s">
        <v>325</v>
      </c>
      <c r="D16" t="s">
        <v>414</v>
      </c>
      <c r="F16" s="69" t="s">
        <v>416</v>
      </c>
    </row>
    <row r="17" spans="1:6" x14ac:dyDescent="0.3">
      <c r="A17" t="s">
        <v>237</v>
      </c>
      <c r="B17" t="s">
        <v>326</v>
      </c>
      <c r="D17" t="s">
        <v>415</v>
      </c>
    </row>
    <row r="18" spans="1:6" x14ac:dyDescent="0.3">
      <c r="A18" t="s">
        <v>238</v>
      </c>
      <c r="B18" t="s">
        <v>327</v>
      </c>
      <c r="D18" t="s">
        <v>416</v>
      </c>
    </row>
    <row r="19" spans="1:6" x14ac:dyDescent="0.3">
      <c r="A19" t="s">
        <v>239</v>
      </c>
      <c r="B19" t="s">
        <v>328</v>
      </c>
    </row>
    <row r="20" spans="1:6" x14ac:dyDescent="0.3">
      <c r="A20" t="s">
        <v>240</v>
      </c>
      <c r="B20" t="s">
        <v>329</v>
      </c>
      <c r="D20" s="8" t="s">
        <v>417</v>
      </c>
      <c r="F20" s="67" t="s">
        <v>417</v>
      </c>
    </row>
    <row r="21" spans="1:6" x14ac:dyDescent="0.3">
      <c r="A21" t="s">
        <v>241</v>
      </c>
      <c r="B21" t="s">
        <v>330</v>
      </c>
      <c r="D21" t="s">
        <v>418</v>
      </c>
      <c r="F21" s="69" t="s">
        <v>417</v>
      </c>
    </row>
    <row r="22" spans="1:6" x14ac:dyDescent="0.3">
      <c r="A22" t="s">
        <v>242</v>
      </c>
      <c r="B22" t="s">
        <v>331</v>
      </c>
    </row>
    <row r="23" spans="1:6" x14ac:dyDescent="0.3">
      <c r="A23" t="s">
        <v>243</v>
      </c>
      <c r="B23" t="s">
        <v>332</v>
      </c>
      <c r="D23" s="8" t="s">
        <v>419</v>
      </c>
      <c r="F23" s="67" t="s">
        <v>537</v>
      </c>
    </row>
    <row r="24" spans="1:6" x14ac:dyDescent="0.3">
      <c r="A24" t="s">
        <v>244</v>
      </c>
      <c r="B24" t="s">
        <v>333</v>
      </c>
      <c r="D24" t="s">
        <v>500</v>
      </c>
      <c r="F24" s="69" t="s">
        <v>538</v>
      </c>
    </row>
    <row r="25" spans="1:6" x14ac:dyDescent="0.3">
      <c r="A25" t="s">
        <v>245</v>
      </c>
      <c r="B25" t="s">
        <v>334</v>
      </c>
      <c r="D25" t="s">
        <v>420</v>
      </c>
      <c r="F25" s="69" t="s">
        <v>420</v>
      </c>
    </row>
    <row r="26" spans="1:6" x14ac:dyDescent="0.3">
      <c r="A26" t="s">
        <v>246</v>
      </c>
      <c r="B26" t="s">
        <v>335</v>
      </c>
      <c r="D26" t="s">
        <v>421</v>
      </c>
      <c r="F26" s="69" t="s">
        <v>421</v>
      </c>
    </row>
    <row r="27" spans="1:6" x14ac:dyDescent="0.3">
      <c r="A27" t="s">
        <v>247</v>
      </c>
      <c r="B27" t="s">
        <v>336</v>
      </c>
      <c r="D27" t="s">
        <v>422</v>
      </c>
      <c r="F27" s="69" t="s">
        <v>422</v>
      </c>
    </row>
    <row r="28" spans="1:6" x14ac:dyDescent="0.3">
      <c r="A28" t="s">
        <v>248</v>
      </c>
      <c r="B28" t="s">
        <v>337</v>
      </c>
      <c r="D28" t="s">
        <v>423</v>
      </c>
      <c r="F28" s="69" t="s">
        <v>423</v>
      </c>
    </row>
    <row r="29" spans="1:6" x14ac:dyDescent="0.3">
      <c r="A29" t="s">
        <v>249</v>
      </c>
      <c r="B29" t="s">
        <v>338</v>
      </c>
      <c r="D29" t="s">
        <v>424</v>
      </c>
      <c r="F29" s="69" t="s">
        <v>424</v>
      </c>
    </row>
    <row r="30" spans="1:6" x14ac:dyDescent="0.3">
      <c r="A30" t="s">
        <v>250</v>
      </c>
      <c r="B30" t="s">
        <v>339</v>
      </c>
      <c r="D30" t="s">
        <v>425</v>
      </c>
      <c r="F30" s="69" t="s">
        <v>425</v>
      </c>
    </row>
    <row r="31" spans="1:6" x14ac:dyDescent="0.3">
      <c r="A31" t="s">
        <v>251</v>
      </c>
      <c r="B31" t="s">
        <v>340</v>
      </c>
      <c r="D31" t="s">
        <v>426</v>
      </c>
      <c r="F31" s="69" t="s">
        <v>426</v>
      </c>
    </row>
    <row r="32" spans="1:6" x14ac:dyDescent="0.3">
      <c r="A32" t="s">
        <v>252</v>
      </c>
      <c r="B32" t="s">
        <v>341</v>
      </c>
      <c r="D32" t="s">
        <v>499</v>
      </c>
    </row>
    <row r="33" spans="1:6" x14ac:dyDescent="0.3">
      <c r="A33" t="s">
        <v>253</v>
      </c>
      <c r="B33" t="s">
        <v>342</v>
      </c>
      <c r="D33" t="s">
        <v>427</v>
      </c>
      <c r="F33" s="69" t="s">
        <v>427</v>
      </c>
    </row>
    <row r="34" spans="1:6" x14ac:dyDescent="0.3">
      <c r="A34" t="s">
        <v>254</v>
      </c>
      <c r="B34" t="s">
        <v>343</v>
      </c>
      <c r="D34" t="s">
        <v>428</v>
      </c>
      <c r="F34" s="69" t="s">
        <v>428</v>
      </c>
    </row>
    <row r="35" spans="1:6" x14ac:dyDescent="0.3">
      <c r="A35" t="s">
        <v>255</v>
      </c>
      <c r="B35" t="s">
        <v>344</v>
      </c>
      <c r="D35" t="s">
        <v>430</v>
      </c>
      <c r="F35" s="69" t="s">
        <v>430</v>
      </c>
    </row>
    <row r="36" spans="1:6" x14ac:dyDescent="0.3">
      <c r="A36" t="s">
        <v>256</v>
      </c>
      <c r="B36" t="s">
        <v>345</v>
      </c>
      <c r="D36" t="s">
        <v>429</v>
      </c>
      <c r="F36" s="69" t="s">
        <v>429</v>
      </c>
    </row>
    <row r="37" spans="1:6" x14ac:dyDescent="0.3">
      <c r="A37" t="s">
        <v>257</v>
      </c>
      <c r="B37" t="s">
        <v>346</v>
      </c>
      <c r="D37" t="s">
        <v>431</v>
      </c>
      <c r="F37" s="69" t="s">
        <v>431</v>
      </c>
    </row>
    <row r="38" spans="1:6" x14ac:dyDescent="0.3">
      <c r="A38" t="s">
        <v>258</v>
      </c>
      <c r="B38" t="s">
        <v>347</v>
      </c>
      <c r="D38" t="s">
        <v>398</v>
      </c>
      <c r="F38" s="69" t="s">
        <v>398</v>
      </c>
    </row>
    <row r="39" spans="1:6" x14ac:dyDescent="0.3">
      <c r="A39" t="s">
        <v>259</v>
      </c>
      <c r="B39" t="s">
        <v>348</v>
      </c>
    </row>
    <row r="40" spans="1:6" x14ac:dyDescent="0.3">
      <c r="A40" t="s">
        <v>260</v>
      </c>
      <c r="B40" t="s">
        <v>349</v>
      </c>
      <c r="D40" s="8" t="s">
        <v>432</v>
      </c>
      <c r="F40" s="67" t="s">
        <v>432</v>
      </c>
    </row>
    <row r="41" spans="1:6" x14ac:dyDescent="0.3">
      <c r="A41" t="s">
        <v>261</v>
      </c>
      <c r="B41" t="s">
        <v>350</v>
      </c>
      <c r="D41" t="s">
        <v>433</v>
      </c>
      <c r="F41" s="69" t="s">
        <v>433</v>
      </c>
    </row>
    <row r="42" spans="1:6" x14ac:dyDescent="0.3">
      <c r="A42" t="s">
        <v>262</v>
      </c>
      <c r="B42" t="s">
        <v>351</v>
      </c>
      <c r="D42" t="s">
        <v>434</v>
      </c>
      <c r="F42" s="69" t="s">
        <v>434</v>
      </c>
    </row>
    <row r="43" spans="1:6" x14ac:dyDescent="0.3">
      <c r="A43" t="s">
        <v>263</v>
      </c>
      <c r="B43" t="s">
        <v>352</v>
      </c>
      <c r="D43" t="s">
        <v>435</v>
      </c>
      <c r="F43" s="69" t="s">
        <v>435</v>
      </c>
    </row>
    <row r="44" spans="1:6" x14ac:dyDescent="0.3">
      <c r="A44" t="s">
        <v>264</v>
      </c>
      <c r="B44" t="s">
        <v>353</v>
      </c>
      <c r="D44" t="s">
        <v>436</v>
      </c>
      <c r="F44" s="69" t="s">
        <v>436</v>
      </c>
    </row>
    <row r="45" spans="1:6" x14ac:dyDescent="0.3">
      <c r="A45" t="s">
        <v>265</v>
      </c>
      <c r="B45" t="s">
        <v>354</v>
      </c>
      <c r="D45" t="s">
        <v>437</v>
      </c>
      <c r="F45" s="69" t="s">
        <v>437</v>
      </c>
    </row>
    <row r="46" spans="1:6" x14ac:dyDescent="0.3">
      <c r="A46" t="s">
        <v>266</v>
      </c>
      <c r="B46" t="s">
        <v>355</v>
      </c>
      <c r="D46" t="s">
        <v>438</v>
      </c>
      <c r="F46" s="69" t="s">
        <v>438</v>
      </c>
    </row>
    <row r="47" spans="1:6" x14ac:dyDescent="0.3">
      <c r="A47" t="s">
        <v>267</v>
      </c>
      <c r="B47" t="s">
        <v>356</v>
      </c>
      <c r="D47" t="s">
        <v>439</v>
      </c>
      <c r="F47" s="69" t="s">
        <v>539</v>
      </c>
    </row>
    <row r="48" spans="1:6" x14ac:dyDescent="0.3">
      <c r="A48" t="s">
        <v>268</v>
      </c>
      <c r="B48" t="s">
        <v>357</v>
      </c>
      <c r="D48" t="s">
        <v>440</v>
      </c>
      <c r="F48" s="69" t="s">
        <v>440</v>
      </c>
    </row>
    <row r="49" spans="1:6" x14ac:dyDescent="0.3">
      <c r="A49" t="s">
        <v>269</v>
      </c>
      <c r="B49" t="s">
        <v>358</v>
      </c>
    </row>
    <row r="50" spans="1:6" x14ac:dyDescent="0.3">
      <c r="A50" t="s">
        <v>270</v>
      </c>
      <c r="B50" t="s">
        <v>359</v>
      </c>
      <c r="D50" s="8" t="s">
        <v>441</v>
      </c>
      <c r="F50" s="67" t="s">
        <v>541</v>
      </c>
    </row>
    <row r="51" spans="1:6" x14ac:dyDescent="0.3">
      <c r="A51" t="s">
        <v>271</v>
      </c>
      <c r="B51" t="s">
        <v>360</v>
      </c>
      <c r="D51" t="s">
        <v>443</v>
      </c>
      <c r="F51" s="69" t="s">
        <v>443</v>
      </c>
    </row>
    <row r="52" spans="1:6" x14ac:dyDescent="0.3">
      <c r="A52" t="s">
        <v>272</v>
      </c>
      <c r="B52" t="s">
        <v>361</v>
      </c>
      <c r="D52" t="s">
        <v>442</v>
      </c>
      <c r="F52" s="69" t="s">
        <v>442</v>
      </c>
    </row>
    <row r="53" spans="1:6" x14ac:dyDescent="0.3">
      <c r="A53" t="s">
        <v>273</v>
      </c>
      <c r="B53" t="s">
        <v>362</v>
      </c>
      <c r="D53" t="s">
        <v>444</v>
      </c>
      <c r="F53" s="69" t="s">
        <v>444</v>
      </c>
    </row>
    <row r="54" spans="1:6" x14ac:dyDescent="0.3">
      <c r="A54" t="s">
        <v>274</v>
      </c>
      <c r="B54" t="s">
        <v>363</v>
      </c>
    </row>
    <row r="55" spans="1:6" x14ac:dyDescent="0.3">
      <c r="A55" t="s">
        <v>275</v>
      </c>
      <c r="B55" t="s">
        <v>364</v>
      </c>
      <c r="D55" s="8" t="s">
        <v>445</v>
      </c>
      <c r="F55" s="67" t="s">
        <v>536</v>
      </c>
    </row>
    <row r="56" spans="1:6" x14ac:dyDescent="0.3">
      <c r="A56" t="s">
        <v>276</v>
      </c>
      <c r="B56" t="s">
        <v>365</v>
      </c>
      <c r="D56" t="s">
        <v>446</v>
      </c>
      <c r="F56" s="69" t="s">
        <v>446</v>
      </c>
    </row>
    <row r="57" spans="1:6" x14ac:dyDescent="0.3">
      <c r="A57" t="s">
        <v>277</v>
      </c>
      <c r="B57" t="s">
        <v>366</v>
      </c>
      <c r="D57" t="s">
        <v>447</v>
      </c>
      <c r="F57" s="69" t="s">
        <v>447</v>
      </c>
    </row>
    <row r="58" spans="1:6" x14ac:dyDescent="0.3">
      <c r="A58" t="s">
        <v>278</v>
      </c>
      <c r="B58" t="s">
        <v>367</v>
      </c>
      <c r="D58" t="s">
        <v>448</v>
      </c>
      <c r="F58" s="69" t="s">
        <v>448</v>
      </c>
    </row>
    <row r="59" spans="1:6" x14ac:dyDescent="0.3">
      <c r="A59" t="s">
        <v>279</v>
      </c>
      <c r="B59" t="s">
        <v>368</v>
      </c>
      <c r="D59" t="s">
        <v>449</v>
      </c>
      <c r="F59" s="69" t="s">
        <v>449</v>
      </c>
    </row>
    <row r="60" spans="1:6" x14ac:dyDescent="0.3">
      <c r="A60" t="s">
        <v>280</v>
      </c>
      <c r="B60" t="s">
        <v>369</v>
      </c>
      <c r="D60" t="s">
        <v>358</v>
      </c>
      <c r="F60" s="69" t="s">
        <v>358</v>
      </c>
    </row>
    <row r="61" spans="1:6" x14ac:dyDescent="0.3">
      <c r="A61" t="s">
        <v>281</v>
      </c>
      <c r="B61" t="s">
        <v>370</v>
      </c>
      <c r="D61" t="s">
        <v>450</v>
      </c>
      <c r="F61" s="69" t="s">
        <v>450</v>
      </c>
    </row>
    <row r="62" spans="1:6" x14ac:dyDescent="0.3">
      <c r="A62" t="s">
        <v>282</v>
      </c>
      <c r="B62" t="s">
        <v>371</v>
      </c>
      <c r="D62" t="s">
        <v>451</v>
      </c>
      <c r="F62" s="69" t="s">
        <v>451</v>
      </c>
    </row>
    <row r="63" spans="1:6" x14ac:dyDescent="0.3">
      <c r="A63" t="s">
        <v>283</v>
      </c>
      <c r="B63" t="s">
        <v>372</v>
      </c>
      <c r="D63" t="s">
        <v>452</v>
      </c>
      <c r="F63" s="69" t="s">
        <v>452</v>
      </c>
    </row>
    <row r="64" spans="1:6" x14ac:dyDescent="0.3">
      <c r="A64" t="s">
        <v>284</v>
      </c>
      <c r="B64" t="s">
        <v>373</v>
      </c>
      <c r="D64" t="s">
        <v>453</v>
      </c>
      <c r="F64" s="69" t="s">
        <v>453</v>
      </c>
    </row>
    <row r="65" spans="1:6" x14ac:dyDescent="0.3">
      <c r="A65" t="s">
        <v>285</v>
      </c>
      <c r="B65" t="s">
        <v>374</v>
      </c>
      <c r="D65" t="s">
        <v>454</v>
      </c>
      <c r="F65" s="69" t="s">
        <v>454</v>
      </c>
    </row>
    <row r="66" spans="1:6" x14ac:dyDescent="0.3">
      <c r="A66" t="s">
        <v>286</v>
      </c>
      <c r="B66" t="s">
        <v>375</v>
      </c>
    </row>
    <row r="67" spans="1:6" x14ac:dyDescent="0.3">
      <c r="A67" t="s">
        <v>287</v>
      </c>
      <c r="B67" t="s">
        <v>376</v>
      </c>
      <c r="D67" s="8" t="s">
        <v>455</v>
      </c>
      <c r="F67" s="67" t="s">
        <v>455</v>
      </c>
    </row>
    <row r="68" spans="1:6" x14ac:dyDescent="0.3">
      <c r="A68" t="s">
        <v>288</v>
      </c>
      <c r="B68" t="s">
        <v>377</v>
      </c>
      <c r="D68" t="s">
        <v>456</v>
      </c>
      <c r="F68" s="69" t="s">
        <v>456</v>
      </c>
    </row>
    <row r="69" spans="1:6" x14ac:dyDescent="0.3">
      <c r="A69" t="s">
        <v>289</v>
      </c>
      <c r="B69" t="s">
        <v>378</v>
      </c>
      <c r="D69" t="s">
        <v>457</v>
      </c>
      <c r="F69" s="69" t="s">
        <v>457</v>
      </c>
    </row>
    <row r="70" spans="1:6" x14ac:dyDescent="0.3">
      <c r="A70" t="s">
        <v>290</v>
      </c>
      <c r="B70" t="s">
        <v>379</v>
      </c>
      <c r="D70" t="s">
        <v>458</v>
      </c>
      <c r="F70" s="69" t="s">
        <v>458</v>
      </c>
    </row>
    <row r="71" spans="1:6" x14ac:dyDescent="0.3">
      <c r="A71" t="s">
        <v>291</v>
      </c>
      <c r="B71" t="s">
        <v>380</v>
      </c>
      <c r="D71" t="s">
        <v>459</v>
      </c>
      <c r="F71" s="69" t="s">
        <v>459</v>
      </c>
    </row>
    <row r="72" spans="1:6" x14ac:dyDescent="0.3">
      <c r="A72" t="s">
        <v>292</v>
      </c>
      <c r="B72" t="s">
        <v>381</v>
      </c>
      <c r="D72" t="s">
        <v>460</v>
      </c>
      <c r="F72" s="69" t="s">
        <v>460</v>
      </c>
    </row>
    <row r="73" spans="1:6" x14ac:dyDescent="0.3">
      <c r="A73" t="s">
        <v>293</v>
      </c>
      <c r="B73" t="s">
        <v>382</v>
      </c>
      <c r="D73" t="s">
        <v>461</v>
      </c>
      <c r="F73" s="69" t="s">
        <v>461</v>
      </c>
    </row>
    <row r="74" spans="1:6" x14ac:dyDescent="0.3">
      <c r="A74" t="s">
        <v>294</v>
      </c>
      <c r="B74" t="s">
        <v>383</v>
      </c>
      <c r="F74" s="68" t="s">
        <v>540</v>
      </c>
    </row>
    <row r="75" spans="1:6" x14ac:dyDescent="0.3">
      <c r="A75" t="s">
        <v>295</v>
      </c>
      <c r="B75" t="s">
        <v>384</v>
      </c>
    </row>
    <row r="76" spans="1:6" x14ac:dyDescent="0.3">
      <c r="A76" t="s">
        <v>296</v>
      </c>
      <c r="B76" t="s">
        <v>385</v>
      </c>
      <c r="F76" s="67" t="s">
        <v>542</v>
      </c>
    </row>
    <row r="77" spans="1:6" x14ac:dyDescent="0.3">
      <c r="A77" t="s">
        <v>297</v>
      </c>
      <c r="B77" t="s">
        <v>386</v>
      </c>
      <c r="F77" s="68" t="s">
        <v>543</v>
      </c>
    </row>
    <row r="78" spans="1:6" x14ac:dyDescent="0.3">
      <c r="A78" t="s">
        <v>298</v>
      </c>
      <c r="B78" t="s">
        <v>387</v>
      </c>
      <c r="F78" s="68" t="s">
        <v>544</v>
      </c>
    </row>
    <row r="79" spans="1:6" x14ac:dyDescent="0.3">
      <c r="A79" t="s">
        <v>299</v>
      </c>
      <c r="B79" t="s">
        <v>388</v>
      </c>
      <c r="F79" s="68" t="s">
        <v>545</v>
      </c>
    </row>
    <row r="80" spans="1:6" x14ac:dyDescent="0.3">
      <c r="A80" t="s">
        <v>300</v>
      </c>
      <c r="B80" t="s">
        <v>389</v>
      </c>
      <c r="F80" s="68" t="s">
        <v>546</v>
      </c>
    </row>
    <row r="81" spans="1:6" x14ac:dyDescent="0.3">
      <c r="A81" t="s">
        <v>301</v>
      </c>
      <c r="B81" t="s">
        <v>390</v>
      </c>
      <c r="F81" s="68" t="s">
        <v>547</v>
      </c>
    </row>
    <row r="82" spans="1:6" x14ac:dyDescent="0.3">
      <c r="A82" t="s">
        <v>302</v>
      </c>
      <c r="B82" t="s">
        <v>391</v>
      </c>
    </row>
    <row r="83" spans="1:6" x14ac:dyDescent="0.3">
      <c r="A83" t="s">
        <v>303</v>
      </c>
      <c r="B83" t="s">
        <v>392</v>
      </c>
      <c r="F83" s="68" t="s">
        <v>548</v>
      </c>
    </row>
    <row r="84" spans="1:6" x14ac:dyDescent="0.3">
      <c r="A84" t="s">
        <v>304</v>
      </c>
      <c r="B84" t="s">
        <v>393</v>
      </c>
    </row>
    <row r="85" spans="1:6" x14ac:dyDescent="0.3">
      <c r="A85" t="s">
        <v>305</v>
      </c>
      <c r="B85" t="s">
        <v>394</v>
      </c>
      <c r="F85" t="s">
        <v>494</v>
      </c>
    </row>
    <row r="86" spans="1:6" x14ac:dyDescent="0.3">
      <c r="A86" t="s">
        <v>306</v>
      </c>
      <c r="B86" t="s">
        <v>395</v>
      </c>
    </row>
    <row r="87" spans="1:6" x14ac:dyDescent="0.3">
      <c r="A87" t="s">
        <v>307</v>
      </c>
      <c r="B87" t="s">
        <v>396</v>
      </c>
    </row>
    <row r="88" spans="1:6" x14ac:dyDescent="0.3">
      <c r="A88" t="s">
        <v>308</v>
      </c>
      <c r="B88" t="s">
        <v>397</v>
      </c>
    </row>
    <row r="89" spans="1:6" x14ac:dyDescent="0.3">
      <c r="A89" t="s">
        <v>309</v>
      </c>
      <c r="B89" t="s">
        <v>398</v>
      </c>
      <c r="F89" s="69"/>
    </row>
    <row r="90" spans="1:6" x14ac:dyDescent="0.3">
      <c r="A90" t="s">
        <v>310</v>
      </c>
      <c r="B90" t="s">
        <v>399</v>
      </c>
    </row>
    <row r="92" spans="1:6" x14ac:dyDescent="0.3">
      <c r="A92" t="s">
        <v>493</v>
      </c>
    </row>
  </sheetData>
  <pageMargins left="0.7" right="0.7" top="0.75" bottom="0.75" header="0.3" footer="0.3"/>
  <pageSetup paperSize="9" orientation="portrait" r:id="rId1"/>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
  <sheetViews>
    <sheetView workbookViewId="0"/>
  </sheetViews>
  <sheetFormatPr defaultRowHeight="14.4" x14ac:dyDescent="0.3"/>
  <sheetData>
    <row r="1" spans="1:1" x14ac:dyDescent="0.3">
      <c r="A1" t="s">
        <v>599</v>
      </c>
    </row>
  </sheetData>
  <pageMargins left="0.7" right="0.7" top="0.75" bottom="0.75" header="0.3" footer="0.3"/>
  <drawing r:id="rId1"/>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I157"/>
  <sheetViews>
    <sheetView workbookViewId="0"/>
  </sheetViews>
  <sheetFormatPr defaultRowHeight="14.4" x14ac:dyDescent="0.3"/>
  <cols>
    <col min="1" max="1" width="44.88671875" customWidth="1"/>
    <col min="2" max="2" width="46" customWidth="1"/>
    <col min="3" max="3" width="15.33203125" customWidth="1"/>
    <col min="4" max="4" width="33" customWidth="1"/>
    <col min="5" max="5" width="30.6640625" customWidth="1"/>
    <col min="6" max="6" width="28.109375" customWidth="1"/>
    <col min="7" max="7" width="34" customWidth="1"/>
    <col min="8" max="8" width="24.33203125" customWidth="1"/>
    <col min="9" max="9" width="23.109375" customWidth="1"/>
  </cols>
  <sheetData>
    <row r="1" spans="1:9" ht="21.75" customHeight="1" x14ac:dyDescent="0.3">
      <c r="A1" s="8" t="s">
        <v>497</v>
      </c>
    </row>
    <row r="3" spans="1:9" ht="28.8" x14ac:dyDescent="0.3">
      <c r="A3" s="71" t="s">
        <v>554</v>
      </c>
      <c r="B3" s="71" t="s">
        <v>555</v>
      </c>
      <c r="C3" s="71"/>
      <c r="D3" s="71" t="s">
        <v>556</v>
      </c>
      <c r="E3" s="72" t="s">
        <v>557</v>
      </c>
    </row>
    <row r="4" spans="1:9" ht="35.25" customHeight="1" x14ac:dyDescent="0.3">
      <c r="A4" s="32"/>
      <c r="B4" s="32"/>
      <c r="C4" s="32"/>
      <c r="D4" s="70" t="s">
        <v>474</v>
      </c>
      <c r="E4" s="32" t="s">
        <v>35</v>
      </c>
      <c r="H4" s="32"/>
      <c r="I4" s="32"/>
    </row>
    <row r="5" spans="1:9" ht="28.8" x14ac:dyDescent="0.3">
      <c r="A5" s="33" t="s">
        <v>59</v>
      </c>
      <c r="B5" s="33" t="s">
        <v>36</v>
      </c>
      <c r="C5" s="33"/>
      <c r="D5" s="70" t="s">
        <v>495</v>
      </c>
      <c r="E5" s="32" t="s">
        <v>496</v>
      </c>
    </row>
    <row r="6" spans="1:9" ht="28.8" x14ac:dyDescent="0.3">
      <c r="A6" s="33" t="s">
        <v>60</v>
      </c>
      <c r="B6" s="33" t="s">
        <v>37</v>
      </c>
      <c r="C6" s="33"/>
      <c r="D6" s="9" t="s">
        <v>475</v>
      </c>
      <c r="E6" s="32" t="s">
        <v>213</v>
      </c>
    </row>
    <row r="7" spans="1:9" ht="57.6" x14ac:dyDescent="0.3">
      <c r="A7" s="33" t="s">
        <v>61</v>
      </c>
      <c r="B7" s="33" t="s">
        <v>38</v>
      </c>
      <c r="C7" s="33"/>
      <c r="D7" s="9" t="s">
        <v>472</v>
      </c>
      <c r="E7" s="32" t="s">
        <v>212</v>
      </c>
    </row>
    <row r="8" spans="1:9" ht="15" x14ac:dyDescent="0.3">
      <c r="A8" s="33" t="s">
        <v>62</v>
      </c>
      <c r="B8" s="33" t="s">
        <v>39</v>
      </c>
      <c r="C8" s="33"/>
    </row>
    <row r="9" spans="1:9" ht="15" x14ac:dyDescent="0.3">
      <c r="A9" s="33" t="s">
        <v>63</v>
      </c>
      <c r="B9" s="33" t="s">
        <v>40</v>
      </c>
      <c r="C9" s="33"/>
    </row>
    <row r="10" spans="1:9" ht="15" x14ac:dyDescent="0.3">
      <c r="A10" s="33" t="s">
        <v>64</v>
      </c>
      <c r="B10" s="33" t="s">
        <v>41</v>
      </c>
      <c r="C10" s="33"/>
    </row>
    <row r="11" spans="1:9" ht="15" x14ac:dyDescent="0.3">
      <c r="A11" s="33" t="s">
        <v>65</v>
      </c>
      <c r="B11" s="33" t="s">
        <v>42</v>
      </c>
      <c r="C11" s="33"/>
    </row>
    <row r="12" spans="1:9" ht="15" x14ac:dyDescent="0.3">
      <c r="A12" s="33" t="s">
        <v>66</v>
      </c>
      <c r="B12" s="33" t="s">
        <v>43</v>
      </c>
      <c r="C12" s="33"/>
    </row>
    <row r="13" spans="1:9" ht="15" x14ac:dyDescent="0.3">
      <c r="A13" s="33" t="s">
        <v>67</v>
      </c>
      <c r="B13" s="33" t="s">
        <v>44</v>
      </c>
      <c r="C13" s="33"/>
    </row>
    <row r="14" spans="1:9" ht="15" x14ac:dyDescent="0.3">
      <c r="A14" s="33" t="s">
        <v>68</v>
      </c>
      <c r="B14" s="33" t="s">
        <v>45</v>
      </c>
      <c r="C14" s="33"/>
    </row>
    <row r="15" spans="1:9" ht="15" x14ac:dyDescent="0.3">
      <c r="A15" s="33" t="s">
        <v>69</v>
      </c>
      <c r="B15" s="33" t="s">
        <v>46</v>
      </c>
      <c r="C15" s="33"/>
    </row>
    <row r="16" spans="1:9" ht="15" x14ac:dyDescent="0.3">
      <c r="A16" s="33" t="s">
        <v>70</v>
      </c>
      <c r="B16" s="33" t="s">
        <v>47</v>
      </c>
      <c r="C16" s="33"/>
    </row>
    <row r="17" spans="1:3" ht="15" x14ac:dyDescent="0.3">
      <c r="A17" s="33" t="s">
        <v>71</v>
      </c>
      <c r="B17" s="33" t="s">
        <v>48</v>
      </c>
      <c r="C17" s="33"/>
    </row>
    <row r="18" spans="1:3" ht="15" x14ac:dyDescent="0.3">
      <c r="A18" s="33" t="s">
        <v>72</v>
      </c>
      <c r="B18" s="33" t="s">
        <v>49</v>
      </c>
      <c r="C18" s="33"/>
    </row>
    <row r="19" spans="1:3" ht="15" x14ac:dyDescent="0.3">
      <c r="A19" s="33" t="s">
        <v>73</v>
      </c>
      <c r="B19" s="33" t="s">
        <v>50</v>
      </c>
      <c r="C19" s="33"/>
    </row>
    <row r="20" spans="1:3" ht="15" x14ac:dyDescent="0.3">
      <c r="A20" s="33" t="s">
        <v>74</v>
      </c>
      <c r="B20" s="33" t="s">
        <v>51</v>
      </c>
      <c r="C20" s="33"/>
    </row>
    <row r="21" spans="1:3" ht="15" x14ac:dyDescent="0.3">
      <c r="A21" s="33" t="s">
        <v>75</v>
      </c>
      <c r="B21" s="33" t="s">
        <v>52</v>
      </c>
      <c r="C21" s="33"/>
    </row>
    <row r="22" spans="1:3" ht="15" x14ac:dyDescent="0.3">
      <c r="A22" s="33" t="s">
        <v>76</v>
      </c>
      <c r="B22" s="33" t="s">
        <v>53</v>
      </c>
      <c r="C22" s="33"/>
    </row>
    <row r="23" spans="1:3" ht="15" x14ac:dyDescent="0.3">
      <c r="A23" s="33" t="s">
        <v>77</v>
      </c>
      <c r="B23" s="33" t="s">
        <v>54</v>
      </c>
      <c r="C23" s="33"/>
    </row>
    <row r="24" spans="1:3" ht="15" x14ac:dyDescent="0.3">
      <c r="A24" s="33" t="s">
        <v>78</v>
      </c>
      <c r="B24" s="33" t="s">
        <v>55</v>
      </c>
      <c r="C24" s="33"/>
    </row>
    <row r="25" spans="1:3" ht="15" x14ac:dyDescent="0.3">
      <c r="A25" s="33" t="s">
        <v>79</v>
      </c>
      <c r="B25" s="33" t="s">
        <v>56</v>
      </c>
      <c r="C25" s="33"/>
    </row>
    <row r="26" spans="1:3" ht="15" x14ac:dyDescent="0.3">
      <c r="A26" s="33" t="s">
        <v>80</v>
      </c>
      <c r="B26" s="33" t="s">
        <v>57</v>
      </c>
      <c r="C26" s="33"/>
    </row>
    <row r="27" spans="1:3" ht="15" x14ac:dyDescent="0.3">
      <c r="A27" s="33" t="s">
        <v>81</v>
      </c>
      <c r="B27" s="33" t="s">
        <v>58</v>
      </c>
      <c r="C27" s="33"/>
    </row>
    <row r="28" spans="1:3" ht="15" x14ac:dyDescent="0.3">
      <c r="A28" s="33" t="s">
        <v>82</v>
      </c>
    </row>
    <row r="29" spans="1:3" ht="15" x14ac:dyDescent="0.3">
      <c r="A29" s="33" t="s">
        <v>83</v>
      </c>
    </row>
    <row r="30" spans="1:3" ht="15" x14ac:dyDescent="0.3">
      <c r="A30" s="33" t="s">
        <v>84</v>
      </c>
    </row>
    <row r="31" spans="1:3" ht="15" x14ac:dyDescent="0.3">
      <c r="A31" s="33" t="s">
        <v>85</v>
      </c>
    </row>
    <row r="32" spans="1:3" ht="15" x14ac:dyDescent="0.3">
      <c r="A32" s="33" t="s">
        <v>86</v>
      </c>
    </row>
    <row r="33" spans="1:1" ht="15" x14ac:dyDescent="0.3">
      <c r="A33" s="33" t="s">
        <v>87</v>
      </c>
    </row>
    <row r="34" spans="1:1" ht="15" x14ac:dyDescent="0.3">
      <c r="A34" s="33" t="s">
        <v>88</v>
      </c>
    </row>
    <row r="35" spans="1:1" ht="15" x14ac:dyDescent="0.3">
      <c r="A35" s="33" t="s">
        <v>89</v>
      </c>
    </row>
    <row r="36" spans="1:1" ht="15" x14ac:dyDescent="0.3">
      <c r="A36" s="33" t="s">
        <v>90</v>
      </c>
    </row>
    <row r="37" spans="1:1" ht="15" x14ac:dyDescent="0.3">
      <c r="A37" s="33" t="s">
        <v>91</v>
      </c>
    </row>
    <row r="38" spans="1:1" ht="15" x14ac:dyDescent="0.3">
      <c r="A38" s="33" t="s">
        <v>92</v>
      </c>
    </row>
    <row r="39" spans="1:1" ht="15" x14ac:dyDescent="0.3">
      <c r="A39" s="33" t="s">
        <v>93</v>
      </c>
    </row>
    <row r="40" spans="1:1" ht="15" x14ac:dyDescent="0.3">
      <c r="A40" s="33" t="s">
        <v>94</v>
      </c>
    </row>
    <row r="41" spans="1:1" ht="15" x14ac:dyDescent="0.3">
      <c r="A41" s="33" t="s">
        <v>95</v>
      </c>
    </row>
    <row r="42" spans="1:1" ht="15" x14ac:dyDescent="0.3">
      <c r="A42" s="33" t="s">
        <v>96</v>
      </c>
    </row>
    <row r="43" spans="1:1" ht="15" x14ac:dyDescent="0.3">
      <c r="A43" s="33" t="s">
        <v>97</v>
      </c>
    </row>
    <row r="44" spans="1:1" ht="15" x14ac:dyDescent="0.3">
      <c r="A44" s="33" t="s">
        <v>98</v>
      </c>
    </row>
    <row r="45" spans="1:1" ht="15" x14ac:dyDescent="0.3">
      <c r="A45" s="33" t="s">
        <v>99</v>
      </c>
    </row>
    <row r="46" spans="1:1" ht="15" x14ac:dyDescent="0.3">
      <c r="A46" s="33" t="s">
        <v>100</v>
      </c>
    </row>
    <row r="47" spans="1:1" ht="15" x14ac:dyDescent="0.3">
      <c r="A47" s="33" t="s">
        <v>101</v>
      </c>
    </row>
    <row r="48" spans="1:1" ht="15" x14ac:dyDescent="0.3">
      <c r="A48" s="33" t="s">
        <v>102</v>
      </c>
    </row>
    <row r="49" spans="1:1" ht="15" x14ac:dyDescent="0.3">
      <c r="A49" s="33" t="s">
        <v>103</v>
      </c>
    </row>
    <row r="50" spans="1:1" ht="15" x14ac:dyDescent="0.3">
      <c r="A50" s="33" t="s">
        <v>104</v>
      </c>
    </row>
    <row r="51" spans="1:1" ht="15" x14ac:dyDescent="0.3">
      <c r="A51" s="33" t="s">
        <v>105</v>
      </c>
    </row>
    <row r="52" spans="1:1" ht="15" x14ac:dyDescent="0.3">
      <c r="A52" s="33" t="s">
        <v>106</v>
      </c>
    </row>
    <row r="53" spans="1:1" ht="15" x14ac:dyDescent="0.3">
      <c r="A53" s="33" t="s">
        <v>107</v>
      </c>
    </row>
    <row r="54" spans="1:1" ht="15" x14ac:dyDescent="0.3">
      <c r="A54" s="33" t="s">
        <v>108</v>
      </c>
    </row>
    <row r="55" spans="1:1" ht="15" x14ac:dyDescent="0.3">
      <c r="A55" s="33" t="s">
        <v>109</v>
      </c>
    </row>
    <row r="56" spans="1:1" ht="15" x14ac:dyDescent="0.3">
      <c r="A56" s="33" t="s">
        <v>110</v>
      </c>
    </row>
    <row r="57" spans="1:1" ht="15" x14ac:dyDescent="0.3">
      <c r="A57" s="33" t="s">
        <v>111</v>
      </c>
    </row>
    <row r="58" spans="1:1" ht="15" x14ac:dyDescent="0.3">
      <c r="A58" s="33" t="s">
        <v>112</v>
      </c>
    </row>
    <row r="59" spans="1:1" ht="15" x14ac:dyDescent="0.3">
      <c r="A59" s="33" t="s">
        <v>113</v>
      </c>
    </row>
    <row r="60" spans="1:1" ht="15" x14ac:dyDescent="0.3">
      <c r="A60" s="33" t="s">
        <v>114</v>
      </c>
    </row>
    <row r="61" spans="1:1" ht="15" x14ac:dyDescent="0.3">
      <c r="A61" s="33" t="s">
        <v>115</v>
      </c>
    </row>
    <row r="62" spans="1:1" ht="15" x14ac:dyDescent="0.3">
      <c r="A62" s="33" t="s">
        <v>116</v>
      </c>
    </row>
    <row r="63" spans="1:1" ht="15" x14ac:dyDescent="0.3">
      <c r="A63" s="33" t="s">
        <v>117</v>
      </c>
    </row>
    <row r="64" spans="1:1" ht="15" x14ac:dyDescent="0.3">
      <c r="A64" s="33" t="s">
        <v>118</v>
      </c>
    </row>
    <row r="65" spans="1:1" ht="15" x14ac:dyDescent="0.3">
      <c r="A65" s="33" t="s">
        <v>119</v>
      </c>
    </row>
    <row r="66" spans="1:1" ht="15" x14ac:dyDescent="0.3">
      <c r="A66" s="33" t="s">
        <v>120</v>
      </c>
    </row>
    <row r="67" spans="1:1" ht="15" x14ac:dyDescent="0.3">
      <c r="A67" s="33" t="s">
        <v>121</v>
      </c>
    </row>
    <row r="68" spans="1:1" ht="15" x14ac:dyDescent="0.3">
      <c r="A68" s="33" t="s">
        <v>122</v>
      </c>
    </row>
    <row r="69" spans="1:1" ht="15" x14ac:dyDescent="0.3">
      <c r="A69" s="33" t="s">
        <v>123</v>
      </c>
    </row>
    <row r="70" spans="1:1" ht="15" x14ac:dyDescent="0.3">
      <c r="A70" s="33" t="s">
        <v>124</v>
      </c>
    </row>
    <row r="71" spans="1:1" ht="15" x14ac:dyDescent="0.3">
      <c r="A71" s="33" t="s">
        <v>125</v>
      </c>
    </row>
    <row r="72" spans="1:1" ht="15" x14ac:dyDescent="0.3">
      <c r="A72" s="33" t="s">
        <v>126</v>
      </c>
    </row>
    <row r="73" spans="1:1" ht="15" x14ac:dyDescent="0.3">
      <c r="A73" s="33" t="s">
        <v>127</v>
      </c>
    </row>
    <row r="74" spans="1:1" ht="15" x14ac:dyDescent="0.3">
      <c r="A74" s="33" t="s">
        <v>128</v>
      </c>
    </row>
    <row r="75" spans="1:1" ht="15" x14ac:dyDescent="0.3">
      <c r="A75" s="33" t="s">
        <v>129</v>
      </c>
    </row>
    <row r="76" spans="1:1" ht="15" x14ac:dyDescent="0.3">
      <c r="A76" s="33" t="s">
        <v>130</v>
      </c>
    </row>
    <row r="77" spans="1:1" ht="15" x14ac:dyDescent="0.3">
      <c r="A77" s="33" t="s">
        <v>131</v>
      </c>
    </row>
    <row r="78" spans="1:1" ht="15" x14ac:dyDescent="0.3">
      <c r="A78" s="33" t="s">
        <v>132</v>
      </c>
    </row>
    <row r="79" spans="1:1" ht="15" x14ac:dyDescent="0.3">
      <c r="A79" s="33" t="s">
        <v>133</v>
      </c>
    </row>
    <row r="80" spans="1:1" ht="15" x14ac:dyDescent="0.3">
      <c r="A80" s="33" t="s">
        <v>134</v>
      </c>
    </row>
    <row r="81" spans="1:1" ht="15" x14ac:dyDescent="0.3">
      <c r="A81" s="33" t="s">
        <v>135</v>
      </c>
    </row>
    <row r="82" spans="1:1" ht="15" x14ac:dyDescent="0.3">
      <c r="A82" s="33" t="s">
        <v>136</v>
      </c>
    </row>
    <row r="83" spans="1:1" ht="15" x14ac:dyDescent="0.3">
      <c r="A83" s="33" t="s">
        <v>137</v>
      </c>
    </row>
    <row r="84" spans="1:1" ht="15" x14ac:dyDescent="0.3">
      <c r="A84" s="33" t="s">
        <v>138</v>
      </c>
    </row>
    <row r="85" spans="1:1" ht="15" x14ac:dyDescent="0.3">
      <c r="A85" s="33" t="s">
        <v>139</v>
      </c>
    </row>
    <row r="86" spans="1:1" ht="15" x14ac:dyDescent="0.3">
      <c r="A86" s="33" t="s">
        <v>140</v>
      </c>
    </row>
    <row r="87" spans="1:1" ht="15" x14ac:dyDescent="0.3">
      <c r="A87" s="33" t="s">
        <v>141</v>
      </c>
    </row>
    <row r="88" spans="1:1" ht="15" x14ac:dyDescent="0.3">
      <c r="A88" s="33" t="s">
        <v>142</v>
      </c>
    </row>
    <row r="89" spans="1:1" ht="15" x14ac:dyDescent="0.3">
      <c r="A89" s="33" t="s">
        <v>143</v>
      </c>
    </row>
    <row r="90" spans="1:1" ht="15" x14ac:dyDescent="0.3">
      <c r="A90" s="33" t="s">
        <v>144</v>
      </c>
    </row>
    <row r="91" spans="1:1" ht="15" x14ac:dyDescent="0.3">
      <c r="A91" s="33" t="s">
        <v>145</v>
      </c>
    </row>
    <row r="92" spans="1:1" ht="15" x14ac:dyDescent="0.3">
      <c r="A92" s="33" t="s">
        <v>146</v>
      </c>
    </row>
    <row r="93" spans="1:1" ht="15" x14ac:dyDescent="0.3">
      <c r="A93" s="33" t="s">
        <v>147</v>
      </c>
    </row>
    <row r="94" spans="1:1" ht="15" x14ac:dyDescent="0.3">
      <c r="A94" s="33" t="s">
        <v>148</v>
      </c>
    </row>
    <row r="95" spans="1:1" ht="15" x14ac:dyDescent="0.3">
      <c r="A95" s="33" t="s">
        <v>149</v>
      </c>
    </row>
    <row r="96" spans="1:1" ht="15" x14ac:dyDescent="0.3">
      <c r="A96" s="33" t="s">
        <v>150</v>
      </c>
    </row>
    <row r="97" spans="1:1" ht="15" x14ac:dyDescent="0.3">
      <c r="A97" s="33" t="s">
        <v>151</v>
      </c>
    </row>
    <row r="98" spans="1:1" ht="15" x14ac:dyDescent="0.3">
      <c r="A98" s="33" t="s">
        <v>152</v>
      </c>
    </row>
    <row r="99" spans="1:1" ht="15" x14ac:dyDescent="0.3">
      <c r="A99" s="33" t="s">
        <v>153</v>
      </c>
    </row>
    <row r="100" spans="1:1" ht="15" x14ac:dyDescent="0.3">
      <c r="A100" s="33" t="s">
        <v>154</v>
      </c>
    </row>
    <row r="101" spans="1:1" ht="15" x14ac:dyDescent="0.3">
      <c r="A101" s="33" t="s">
        <v>155</v>
      </c>
    </row>
    <row r="102" spans="1:1" ht="15" x14ac:dyDescent="0.3">
      <c r="A102" s="33" t="s">
        <v>156</v>
      </c>
    </row>
    <row r="103" spans="1:1" ht="15" x14ac:dyDescent="0.3">
      <c r="A103" s="33" t="s">
        <v>157</v>
      </c>
    </row>
    <row r="104" spans="1:1" ht="15" x14ac:dyDescent="0.3">
      <c r="A104" s="33" t="s">
        <v>158</v>
      </c>
    </row>
    <row r="105" spans="1:1" ht="15" x14ac:dyDescent="0.3">
      <c r="A105" s="33" t="s">
        <v>159</v>
      </c>
    </row>
    <row r="106" spans="1:1" ht="15" x14ac:dyDescent="0.3">
      <c r="A106" s="33" t="s">
        <v>160</v>
      </c>
    </row>
    <row r="107" spans="1:1" ht="15" x14ac:dyDescent="0.3">
      <c r="A107" s="33" t="s">
        <v>161</v>
      </c>
    </row>
    <row r="108" spans="1:1" ht="15" x14ac:dyDescent="0.3">
      <c r="A108" s="33" t="s">
        <v>162</v>
      </c>
    </row>
    <row r="109" spans="1:1" ht="15" x14ac:dyDescent="0.3">
      <c r="A109" s="33" t="s">
        <v>163</v>
      </c>
    </row>
    <row r="110" spans="1:1" ht="15" x14ac:dyDescent="0.3">
      <c r="A110" s="33" t="s">
        <v>164</v>
      </c>
    </row>
    <row r="111" spans="1:1" ht="15" x14ac:dyDescent="0.3">
      <c r="A111" s="33" t="s">
        <v>165</v>
      </c>
    </row>
    <row r="112" spans="1:1" ht="15" x14ac:dyDescent="0.3">
      <c r="A112" s="33" t="s">
        <v>166</v>
      </c>
    </row>
    <row r="113" spans="1:1" ht="15" x14ac:dyDescent="0.3">
      <c r="A113" s="33" t="s">
        <v>167</v>
      </c>
    </row>
    <row r="114" spans="1:1" ht="15" x14ac:dyDescent="0.3">
      <c r="A114" s="33" t="s">
        <v>168</v>
      </c>
    </row>
    <row r="115" spans="1:1" ht="15" x14ac:dyDescent="0.3">
      <c r="A115" s="33" t="s">
        <v>169</v>
      </c>
    </row>
    <row r="116" spans="1:1" ht="15" x14ac:dyDescent="0.3">
      <c r="A116" s="33" t="s">
        <v>170</v>
      </c>
    </row>
    <row r="117" spans="1:1" ht="15" x14ac:dyDescent="0.3">
      <c r="A117" s="33" t="s">
        <v>171</v>
      </c>
    </row>
    <row r="118" spans="1:1" ht="15" x14ac:dyDescent="0.3">
      <c r="A118" s="33" t="s">
        <v>172</v>
      </c>
    </row>
    <row r="119" spans="1:1" ht="15" x14ac:dyDescent="0.3">
      <c r="A119" s="33" t="s">
        <v>173</v>
      </c>
    </row>
    <row r="120" spans="1:1" ht="15" x14ac:dyDescent="0.3">
      <c r="A120" s="33" t="s">
        <v>174</v>
      </c>
    </row>
    <row r="121" spans="1:1" ht="15" x14ac:dyDescent="0.3">
      <c r="A121" s="33" t="s">
        <v>175</v>
      </c>
    </row>
    <row r="122" spans="1:1" ht="15" x14ac:dyDescent="0.3">
      <c r="A122" s="33" t="s">
        <v>176</v>
      </c>
    </row>
    <row r="123" spans="1:1" ht="15" x14ac:dyDescent="0.3">
      <c r="A123" s="33" t="s">
        <v>177</v>
      </c>
    </row>
    <row r="124" spans="1:1" ht="15" x14ac:dyDescent="0.3">
      <c r="A124" s="33" t="s">
        <v>178</v>
      </c>
    </row>
    <row r="125" spans="1:1" ht="15" x14ac:dyDescent="0.3">
      <c r="A125" s="33" t="s">
        <v>179</v>
      </c>
    </row>
    <row r="126" spans="1:1" ht="15" x14ac:dyDescent="0.3">
      <c r="A126" s="33" t="s">
        <v>180</v>
      </c>
    </row>
    <row r="127" spans="1:1" ht="15" x14ac:dyDescent="0.3">
      <c r="A127" s="33" t="s">
        <v>181</v>
      </c>
    </row>
    <row r="128" spans="1:1" ht="15" x14ac:dyDescent="0.3">
      <c r="A128" s="33" t="s">
        <v>182</v>
      </c>
    </row>
    <row r="129" spans="1:1" ht="15" x14ac:dyDescent="0.3">
      <c r="A129" s="33" t="s">
        <v>183</v>
      </c>
    </row>
    <row r="130" spans="1:1" ht="15" x14ac:dyDescent="0.3">
      <c r="A130" s="33" t="s">
        <v>184</v>
      </c>
    </row>
    <row r="131" spans="1:1" ht="15" x14ac:dyDescent="0.3">
      <c r="A131" s="33" t="s">
        <v>185</v>
      </c>
    </row>
    <row r="132" spans="1:1" ht="15" x14ac:dyDescent="0.3">
      <c r="A132" s="33" t="s">
        <v>186</v>
      </c>
    </row>
    <row r="133" spans="1:1" ht="15" x14ac:dyDescent="0.3">
      <c r="A133" s="33" t="s">
        <v>187</v>
      </c>
    </row>
    <row r="134" spans="1:1" ht="15" x14ac:dyDescent="0.3">
      <c r="A134" s="33" t="s">
        <v>188</v>
      </c>
    </row>
    <row r="135" spans="1:1" ht="15" x14ac:dyDescent="0.3">
      <c r="A135" s="33" t="s">
        <v>189</v>
      </c>
    </row>
    <row r="136" spans="1:1" ht="15" x14ac:dyDescent="0.3">
      <c r="A136" s="33" t="s">
        <v>190</v>
      </c>
    </row>
    <row r="137" spans="1:1" ht="15" x14ac:dyDescent="0.3">
      <c r="A137" s="33" t="s">
        <v>191</v>
      </c>
    </row>
    <row r="138" spans="1:1" ht="15" x14ac:dyDescent="0.3">
      <c r="A138" s="33" t="s">
        <v>192</v>
      </c>
    </row>
    <row r="139" spans="1:1" ht="15" x14ac:dyDescent="0.3">
      <c r="A139" s="33" t="s">
        <v>193</v>
      </c>
    </row>
    <row r="140" spans="1:1" ht="15" x14ac:dyDescent="0.3">
      <c r="A140" s="33" t="s">
        <v>194</v>
      </c>
    </row>
    <row r="141" spans="1:1" ht="15" x14ac:dyDescent="0.3">
      <c r="A141" s="33" t="s">
        <v>195</v>
      </c>
    </row>
    <row r="142" spans="1:1" ht="15" x14ac:dyDescent="0.3">
      <c r="A142" s="33" t="s">
        <v>196</v>
      </c>
    </row>
    <row r="143" spans="1:1" ht="15" x14ac:dyDescent="0.3">
      <c r="A143" s="33" t="s">
        <v>197</v>
      </c>
    </row>
    <row r="144" spans="1:1" ht="15" x14ac:dyDescent="0.3">
      <c r="A144" s="33" t="s">
        <v>198</v>
      </c>
    </row>
    <row r="145" spans="1:1" ht="15" x14ac:dyDescent="0.3">
      <c r="A145" s="33" t="s">
        <v>199</v>
      </c>
    </row>
    <row r="146" spans="1:1" ht="15" x14ac:dyDescent="0.3">
      <c r="A146" s="33" t="s">
        <v>200</v>
      </c>
    </row>
    <row r="147" spans="1:1" ht="15" x14ac:dyDescent="0.3">
      <c r="A147" s="33" t="s">
        <v>201</v>
      </c>
    </row>
    <row r="148" spans="1:1" ht="15" x14ac:dyDescent="0.3">
      <c r="A148" s="33" t="s">
        <v>202</v>
      </c>
    </row>
    <row r="149" spans="1:1" ht="15" x14ac:dyDescent="0.3">
      <c r="A149" s="33" t="s">
        <v>203</v>
      </c>
    </row>
    <row r="150" spans="1:1" ht="15" x14ac:dyDescent="0.3">
      <c r="A150" s="33" t="s">
        <v>204</v>
      </c>
    </row>
    <row r="151" spans="1:1" ht="15" x14ac:dyDescent="0.3">
      <c r="A151" s="33" t="s">
        <v>205</v>
      </c>
    </row>
    <row r="152" spans="1:1" ht="15" x14ac:dyDescent="0.3">
      <c r="A152" s="33" t="s">
        <v>206</v>
      </c>
    </row>
    <row r="153" spans="1:1" ht="15" x14ac:dyDescent="0.3">
      <c r="A153" s="33" t="s">
        <v>207</v>
      </c>
    </row>
    <row r="154" spans="1:1" ht="15" x14ac:dyDescent="0.3">
      <c r="A154" s="33" t="s">
        <v>208</v>
      </c>
    </row>
    <row r="155" spans="1:1" ht="15" x14ac:dyDescent="0.3">
      <c r="A155" s="33" t="s">
        <v>209</v>
      </c>
    </row>
    <row r="156" spans="1:1" ht="15" x14ac:dyDescent="0.3">
      <c r="A156" s="33" t="s">
        <v>210</v>
      </c>
    </row>
    <row r="157" spans="1:1" ht="15" x14ac:dyDescent="0.3">
      <c r="A157" s="33" t="s">
        <v>211</v>
      </c>
    </row>
  </sheetData>
  <hyperlinks>
    <hyperlink ref="E4" r:id="rId1"/>
    <hyperlink ref="E6" r:id="rId2"/>
    <hyperlink ref="E7" r:id="rId3"/>
  </hyperlinks>
  <pageMargins left="0.7" right="0.7" top="0.75" bottom="0.75" header="0.3" footer="0.3"/>
  <pageSetup paperSize="9" orientation="portrait" r:id="rId4"/>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A7"/>
  <sheetViews>
    <sheetView workbookViewId="0">
      <selection sqref="A1:A1048576"/>
    </sheetView>
  </sheetViews>
  <sheetFormatPr defaultRowHeight="14.4" x14ac:dyDescent="0.3"/>
  <sheetData>
    <row r="1" spans="1:1" x14ac:dyDescent="0.3">
      <c r="A1" t="s">
        <v>521</v>
      </c>
    </row>
    <row r="2" spans="1:1" x14ac:dyDescent="0.3">
      <c r="A2" t="s">
        <v>515</v>
      </c>
    </row>
    <row r="3" spans="1:1" x14ac:dyDescent="0.3">
      <c r="A3" t="s">
        <v>516</v>
      </c>
    </row>
    <row r="4" spans="1:1" x14ac:dyDescent="0.3">
      <c r="A4" t="s">
        <v>517</v>
      </c>
    </row>
    <row r="5" spans="1:1" x14ac:dyDescent="0.3">
      <c r="A5" t="s">
        <v>518</v>
      </c>
    </row>
    <row r="6" spans="1:1" x14ac:dyDescent="0.3">
      <c r="A6" t="s">
        <v>519</v>
      </c>
    </row>
    <row r="7" spans="1:1" x14ac:dyDescent="0.3">
      <c r="A7" t="s">
        <v>520</v>
      </c>
    </row>
  </sheetData>
  <pageMargins left="0.7" right="0.7" top="0.75" bottom="0.75" header="0.3" footer="0.3"/>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Worksheets</vt:lpstr>
      </vt:variant>
      <vt:variant>
        <vt:i4>8</vt:i4>
      </vt:variant>
      <vt:variant>
        <vt:lpstr>Named Ranges</vt:lpstr>
      </vt:variant>
      <vt:variant>
        <vt:i4>2</vt:i4>
      </vt:variant>
    </vt:vector>
  </HeadingPairs>
  <TitlesOfParts>
    <vt:vector size="10" baseType="lpstr">
      <vt:lpstr>Introduction</vt:lpstr>
      <vt:lpstr>Terra Nova metadata summary</vt:lpstr>
      <vt:lpstr>Terra Nova metadata inventory</vt:lpstr>
      <vt:lpstr>Terra Nova Sectors</vt:lpstr>
      <vt:lpstr>IBRA and NRM Regions</vt:lpstr>
      <vt:lpstr>IBRA Map</vt:lpstr>
      <vt:lpstr>Thematic tags vocabularies</vt:lpstr>
      <vt:lpstr>sheet data (do not delete)</vt:lpstr>
      <vt:lpstr>Rights</vt:lpstr>
      <vt:lpstr>'IBRA and NRM Regions'!terranova_regions__1</vt:lpstr>
    </vt:vector>
  </TitlesOfParts>
  <Company>Griffith University, NRM CCAIMS Project</Company>
  <LinksUpToDate>false</LinksUpToDate>
  <SharedDoc>false</SharedDoc>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Terra Nova metadata preparation inventory</dc:title>
  <dc:creator>Rebecca Brown;Griffith University NRM CCAIMS Project</dc:creator>
  <cp:keywords>NRM</cp:keywords>
  <dc:description>v2.1 contains new field "issue date".
</dc:description>
  <cp:lastModifiedBy>Rebecca Brown</cp:lastModifiedBy>
  <dcterms:created xsi:type="dcterms:W3CDTF">2014-03-18T02:20:11Z</dcterms:created>
  <dcterms:modified xsi:type="dcterms:W3CDTF">2015-11-19T02:09:01Z</dcterms:modified>
</cp:coreProperties>
</file>